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9400\common\R3年度\H.大塚\02選挙事務等報告例\05_地方公共団体の議会の議員及び長の任期満了日調【11月20日期限】\"/>
    </mc:Choice>
  </mc:AlternateContent>
  <bookViews>
    <workbookView xWindow="0" yWindow="0" windowWidth="23040" windowHeight="9360"/>
  </bookViews>
  <sheets>
    <sheet name="7-2" sheetId="1" r:id="rId1"/>
  </sheets>
  <definedNames>
    <definedName name="_xlnm.Print_Area" localSheetId="0">'7-2'!$A$1:$M$44</definedName>
    <definedName name="_xlnm.Print_Titles" localSheetId="0">'7-2'!$9:$1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0" uniqueCount="85">
  <si>
    <t>第７号様式の２</t>
    <rPh sb="0" eb="1">
      <t>ダイ</t>
    </rPh>
    <rPh sb="2" eb="3">
      <t>ゴウ</t>
    </rPh>
    <rPh sb="3" eb="5">
      <t>ヨウシキ</t>
    </rPh>
    <phoneticPr fontId="8"/>
  </si>
  <si>
    <t>地方公共団体の議会の議員及び長の任期満了調</t>
    <rPh sb="0" eb="2">
      <t>チホウ</t>
    </rPh>
    <rPh sb="2" eb="4">
      <t>コウキョウ</t>
    </rPh>
    <rPh sb="4" eb="6">
      <t>ダンタイ</t>
    </rPh>
    <rPh sb="7" eb="9">
      <t>ギカイ</t>
    </rPh>
    <rPh sb="10" eb="12">
      <t>ギイン</t>
    </rPh>
    <rPh sb="12" eb="13">
      <t>オヨ</t>
    </rPh>
    <rPh sb="14" eb="15">
      <t>チョウ</t>
    </rPh>
    <rPh sb="16" eb="18">
      <t>ニンキ</t>
    </rPh>
    <rPh sb="18" eb="20">
      <t>マンリョウ</t>
    </rPh>
    <rPh sb="20" eb="21">
      <t>シラベ</t>
    </rPh>
    <phoneticPr fontId="8"/>
  </si>
  <si>
    <t>（１）</t>
    <phoneticPr fontId="8"/>
  </si>
  <si>
    <t>都道府県、</t>
    <rPh sb="0" eb="4">
      <t>トドウフケン</t>
    </rPh>
    <phoneticPr fontId="8"/>
  </si>
  <si>
    <t>（２）</t>
    <phoneticPr fontId="8"/>
  </si>
  <si>
    <t>市区町村長</t>
    <rPh sb="0" eb="4">
      <t>しくちょうそん</t>
    </rPh>
    <rPh sb="4" eb="5">
      <t>ちょう</t>
    </rPh>
    <phoneticPr fontId="11" type="Hiragana"/>
  </si>
  <si>
    <t>市区町村議会議員</t>
    <rPh sb="0" eb="2">
      <t>シク</t>
    </rPh>
    <rPh sb="2" eb="4">
      <t>チョウソン</t>
    </rPh>
    <rPh sb="4" eb="6">
      <t>ギカイ</t>
    </rPh>
    <rPh sb="6" eb="8">
      <t>ギイン</t>
    </rPh>
    <phoneticPr fontId="8"/>
  </si>
  <si>
    <t>都道府県・</t>
    <rPh sb="0" eb="4">
      <t>トドウフケン</t>
    </rPh>
    <phoneticPr fontId="8"/>
  </si>
  <si>
    <t>都道府県知事・</t>
    <rPh sb="0" eb="4">
      <t>トドウフケン</t>
    </rPh>
    <rPh sb="4" eb="6">
      <t>チジ</t>
    </rPh>
    <phoneticPr fontId="8"/>
  </si>
  <si>
    <t>任期満了年月日</t>
    <rPh sb="0" eb="2">
      <t>ニンキ</t>
    </rPh>
    <rPh sb="2" eb="4">
      <t>マンリョウ</t>
    </rPh>
    <rPh sb="4" eb="7">
      <t>ネンガッピ</t>
    </rPh>
    <phoneticPr fontId="8"/>
  </si>
  <si>
    <t>市区町村名</t>
    <rPh sb="0" eb="2">
      <t>シク</t>
    </rPh>
    <rPh sb="2" eb="4">
      <t>チョウソン</t>
    </rPh>
    <rPh sb="4" eb="5">
      <t>メイ</t>
    </rPh>
    <phoneticPr fontId="8"/>
  </si>
  <si>
    <t>市区町村長名</t>
    <rPh sb="0" eb="2">
      <t>シク</t>
    </rPh>
    <rPh sb="2" eb="4">
      <t>チョウソン</t>
    </rPh>
    <rPh sb="4" eb="5">
      <t>チョウ</t>
    </rPh>
    <rPh sb="5" eb="6">
      <t>メイ</t>
    </rPh>
    <phoneticPr fontId="8"/>
  </si>
  <si>
    <t>年</t>
    <rPh sb="0" eb="1">
      <t>ネン</t>
    </rPh>
    <phoneticPr fontId="8"/>
  </si>
  <si>
    <t>月</t>
    <rPh sb="0" eb="1">
      <t>ツキ</t>
    </rPh>
    <phoneticPr fontId="8"/>
  </si>
  <si>
    <t>日</t>
    <rPh sb="0" eb="1">
      <t>ヒ</t>
    </rPh>
    <phoneticPr fontId="8"/>
  </si>
  <si>
    <t>神奈川県</t>
    <rPh sb="0" eb="4">
      <t>かながわけん</t>
    </rPh>
    <phoneticPr fontId="2" type="Hiragana"/>
  </si>
  <si>
    <t>横 浜 市</t>
    <rPh sb="0" eb="1">
      <t>ヨコ</t>
    </rPh>
    <rPh sb="2" eb="3">
      <t>ハマ</t>
    </rPh>
    <rPh sb="4" eb="5">
      <t>シ</t>
    </rPh>
    <phoneticPr fontId="5"/>
  </si>
  <si>
    <t>川 崎 市</t>
    <rPh sb="0" eb="1">
      <t>カワ</t>
    </rPh>
    <rPh sb="2" eb="3">
      <t>ザキ</t>
    </rPh>
    <rPh sb="4" eb="5">
      <t>シ</t>
    </rPh>
    <phoneticPr fontId="5"/>
  </si>
  <si>
    <t>相模原市</t>
    <rPh sb="0" eb="4">
      <t>サガミハラシ</t>
    </rPh>
    <phoneticPr fontId="5"/>
  </si>
  <si>
    <t>横須賀市</t>
    <rPh sb="0" eb="4">
      <t>ヨコスカシ</t>
    </rPh>
    <phoneticPr fontId="5"/>
  </si>
  <si>
    <t>平 塚 市</t>
    <rPh sb="0" eb="1">
      <t>ヒラ</t>
    </rPh>
    <rPh sb="2" eb="3">
      <t>ツカ</t>
    </rPh>
    <rPh sb="4" eb="5">
      <t>シ</t>
    </rPh>
    <phoneticPr fontId="5"/>
  </si>
  <si>
    <t>鎌 倉 市</t>
    <rPh sb="0" eb="1">
      <t>カマ</t>
    </rPh>
    <rPh sb="2" eb="3">
      <t>クラ</t>
    </rPh>
    <rPh sb="4" eb="5">
      <t>シ</t>
    </rPh>
    <phoneticPr fontId="5"/>
  </si>
  <si>
    <t>藤 沢 市</t>
    <rPh sb="0" eb="1">
      <t>フジ</t>
    </rPh>
    <rPh sb="2" eb="3">
      <t>サワ</t>
    </rPh>
    <rPh sb="4" eb="5">
      <t>シ</t>
    </rPh>
    <phoneticPr fontId="5"/>
  </si>
  <si>
    <t>小田原市</t>
    <rPh sb="0" eb="4">
      <t>オダワラシ</t>
    </rPh>
    <phoneticPr fontId="5"/>
  </si>
  <si>
    <t>茅ヶ崎市</t>
    <rPh sb="0" eb="4">
      <t>チガサキシ</t>
    </rPh>
    <phoneticPr fontId="5"/>
  </si>
  <si>
    <t>逗 子 市</t>
    <rPh sb="0" eb="1">
      <t>トド</t>
    </rPh>
    <rPh sb="2" eb="3">
      <t>コ</t>
    </rPh>
    <rPh sb="4" eb="5">
      <t>シ</t>
    </rPh>
    <phoneticPr fontId="5"/>
  </si>
  <si>
    <t>三 浦 市</t>
    <rPh sb="0" eb="1">
      <t>３</t>
    </rPh>
    <rPh sb="2" eb="3">
      <t>ウラ</t>
    </rPh>
    <rPh sb="4" eb="5">
      <t>シ</t>
    </rPh>
    <phoneticPr fontId="5"/>
  </si>
  <si>
    <t>秦 野 市</t>
    <rPh sb="0" eb="1">
      <t>シン</t>
    </rPh>
    <rPh sb="2" eb="3">
      <t>ノ</t>
    </rPh>
    <rPh sb="4" eb="5">
      <t>シ</t>
    </rPh>
    <phoneticPr fontId="5"/>
  </si>
  <si>
    <t>厚 木 市</t>
    <rPh sb="0" eb="1">
      <t>アツシ</t>
    </rPh>
    <rPh sb="2" eb="3">
      <t>キ</t>
    </rPh>
    <rPh sb="4" eb="5">
      <t>シ</t>
    </rPh>
    <phoneticPr fontId="5"/>
  </si>
  <si>
    <t>大 和 市</t>
    <rPh sb="0" eb="1">
      <t>ダイ</t>
    </rPh>
    <rPh sb="2" eb="3">
      <t>ワ</t>
    </rPh>
    <rPh sb="4" eb="5">
      <t>シ</t>
    </rPh>
    <phoneticPr fontId="5"/>
  </si>
  <si>
    <t>伊勢原市</t>
    <rPh sb="0" eb="4">
      <t>イセハラシ</t>
    </rPh>
    <phoneticPr fontId="5"/>
  </si>
  <si>
    <t>海老名市</t>
    <rPh sb="0" eb="4">
      <t>エビナシ</t>
    </rPh>
    <phoneticPr fontId="5"/>
  </si>
  <si>
    <t>座 間 市</t>
    <rPh sb="0" eb="1">
      <t>ザ</t>
    </rPh>
    <rPh sb="2" eb="3">
      <t>アイダ</t>
    </rPh>
    <rPh sb="4" eb="5">
      <t>シ</t>
    </rPh>
    <phoneticPr fontId="5"/>
  </si>
  <si>
    <t>南足柄市</t>
    <rPh sb="0" eb="4">
      <t>ミナミアシガラシ</t>
    </rPh>
    <phoneticPr fontId="5"/>
  </si>
  <si>
    <t>綾 瀬 市</t>
    <rPh sb="0" eb="1">
      <t>アヤ</t>
    </rPh>
    <rPh sb="2" eb="3">
      <t>セ</t>
    </rPh>
    <rPh sb="4" eb="5">
      <t>シ</t>
    </rPh>
    <phoneticPr fontId="5"/>
  </si>
  <si>
    <t>葉 山 町</t>
    <rPh sb="0" eb="1">
      <t>ハ</t>
    </rPh>
    <rPh sb="2" eb="3">
      <t>ヤマ</t>
    </rPh>
    <rPh sb="4" eb="5">
      <t>マチ</t>
    </rPh>
    <phoneticPr fontId="5"/>
  </si>
  <si>
    <t>寒 川 町</t>
    <rPh sb="0" eb="1">
      <t>カン</t>
    </rPh>
    <rPh sb="2" eb="3">
      <t>カワ</t>
    </rPh>
    <rPh sb="4" eb="5">
      <t>マチ</t>
    </rPh>
    <phoneticPr fontId="5"/>
  </si>
  <si>
    <t>大 磯 町</t>
    <rPh sb="0" eb="1">
      <t>ダイ</t>
    </rPh>
    <rPh sb="2" eb="3">
      <t>イソ</t>
    </rPh>
    <rPh sb="4" eb="5">
      <t>マチ</t>
    </rPh>
    <phoneticPr fontId="5"/>
  </si>
  <si>
    <t>二 宮 町</t>
    <rPh sb="0" eb="1">
      <t>ニ</t>
    </rPh>
    <rPh sb="2" eb="3">
      <t>ミヤ</t>
    </rPh>
    <rPh sb="4" eb="5">
      <t>マチ</t>
    </rPh>
    <phoneticPr fontId="5"/>
  </si>
  <si>
    <t>中 井 町</t>
    <rPh sb="0" eb="1">
      <t>ナカ</t>
    </rPh>
    <rPh sb="2" eb="3">
      <t>イ</t>
    </rPh>
    <rPh sb="4" eb="5">
      <t>マチ</t>
    </rPh>
    <phoneticPr fontId="5"/>
  </si>
  <si>
    <t>大 井 町</t>
    <rPh sb="0" eb="1">
      <t>ダイ</t>
    </rPh>
    <rPh sb="2" eb="3">
      <t>イ</t>
    </rPh>
    <rPh sb="4" eb="5">
      <t>マチ</t>
    </rPh>
    <phoneticPr fontId="5"/>
  </si>
  <si>
    <t>松 田 町</t>
    <rPh sb="0" eb="1">
      <t>マツ</t>
    </rPh>
    <rPh sb="2" eb="3">
      <t>タ</t>
    </rPh>
    <rPh sb="4" eb="5">
      <t>マチ</t>
    </rPh>
    <phoneticPr fontId="5"/>
  </si>
  <si>
    <t>山 北 町</t>
    <rPh sb="0" eb="1">
      <t>ヤマ</t>
    </rPh>
    <rPh sb="2" eb="3">
      <t>キタ</t>
    </rPh>
    <rPh sb="4" eb="5">
      <t>マチ</t>
    </rPh>
    <phoneticPr fontId="5"/>
  </si>
  <si>
    <t>開 成 町</t>
    <rPh sb="0" eb="1">
      <t>カイ</t>
    </rPh>
    <rPh sb="2" eb="3">
      <t>シゲル</t>
    </rPh>
    <rPh sb="4" eb="5">
      <t>マチ</t>
    </rPh>
    <phoneticPr fontId="5"/>
  </si>
  <si>
    <t>箱 根 町</t>
    <rPh sb="0" eb="1">
      <t>ハコ</t>
    </rPh>
    <rPh sb="2" eb="3">
      <t>ネ</t>
    </rPh>
    <rPh sb="4" eb="5">
      <t>マチ</t>
    </rPh>
    <phoneticPr fontId="5"/>
  </si>
  <si>
    <t>真 鶴 町</t>
    <rPh sb="0" eb="1">
      <t>マコト</t>
    </rPh>
    <rPh sb="2" eb="3">
      <t>ツル</t>
    </rPh>
    <rPh sb="4" eb="5">
      <t>マチ</t>
    </rPh>
    <phoneticPr fontId="5"/>
  </si>
  <si>
    <t>湯河原町</t>
    <rPh sb="0" eb="4">
      <t>ユガワラマチ</t>
    </rPh>
    <phoneticPr fontId="5"/>
  </si>
  <si>
    <t>愛 川 町</t>
    <rPh sb="0" eb="1">
      <t>アイ</t>
    </rPh>
    <rPh sb="2" eb="3">
      <t>カワ</t>
    </rPh>
    <rPh sb="4" eb="5">
      <t>マチ</t>
    </rPh>
    <phoneticPr fontId="5"/>
  </si>
  <si>
    <t>清 川 村</t>
    <rPh sb="0" eb="1">
      <t>シン</t>
    </rPh>
    <rPh sb="2" eb="3">
      <t>カワ</t>
    </rPh>
    <rPh sb="4" eb="5">
      <t>ムラ</t>
    </rPh>
    <phoneticPr fontId="5"/>
  </si>
  <si>
    <t>黒岩　祐治</t>
    <rPh sb="0" eb="2">
      <t>くろいわ</t>
    </rPh>
    <rPh sb="3" eb="5">
      <t>ゆうじ</t>
    </rPh>
    <phoneticPr fontId="2" type="Hiragana"/>
  </si>
  <si>
    <t>福田　紀彦</t>
    <rPh sb="0" eb="2">
      <t>フクダ</t>
    </rPh>
    <rPh sb="3" eb="5">
      <t>ノリヒコ</t>
    </rPh>
    <phoneticPr fontId="5"/>
  </si>
  <si>
    <t>本村　賢太郎</t>
    <rPh sb="0" eb="2">
      <t>モトムラ</t>
    </rPh>
    <rPh sb="3" eb="6">
      <t>ケンタロウ</t>
    </rPh>
    <phoneticPr fontId="5"/>
  </si>
  <si>
    <t>上地　克明</t>
    <rPh sb="0" eb="2">
      <t>カミジ</t>
    </rPh>
    <rPh sb="3" eb="5">
      <t>カツアキ</t>
    </rPh>
    <phoneticPr fontId="5"/>
  </si>
  <si>
    <t>落合　克宏</t>
    <rPh sb="0" eb="2">
      <t>オチアイ</t>
    </rPh>
    <rPh sb="3" eb="5">
      <t>カツヒロ</t>
    </rPh>
    <phoneticPr fontId="5"/>
  </si>
  <si>
    <t>松尾　崇</t>
    <rPh sb="0" eb="2">
      <t>マツオ</t>
    </rPh>
    <rPh sb="3" eb="4">
      <t>タカシ</t>
    </rPh>
    <phoneticPr fontId="5"/>
  </si>
  <si>
    <t>鈴木　恒夫</t>
    <rPh sb="0" eb="2">
      <t>スズキ</t>
    </rPh>
    <rPh sb="3" eb="5">
      <t>ツネオ</t>
    </rPh>
    <phoneticPr fontId="5"/>
  </si>
  <si>
    <t>守屋　輝彦</t>
    <rPh sb="0" eb="2">
      <t>モリヤ</t>
    </rPh>
    <rPh sb="3" eb="5">
      <t>テルヒコ</t>
    </rPh>
    <phoneticPr fontId="4"/>
  </si>
  <si>
    <t>佐藤　光</t>
    <rPh sb="0" eb="2">
      <t>サトウ</t>
    </rPh>
    <rPh sb="3" eb="4">
      <t>ヒカル</t>
    </rPh>
    <phoneticPr fontId="3"/>
  </si>
  <si>
    <t>桐ケ谷　覚</t>
    <rPh sb="0" eb="3">
      <t>キリガヤ</t>
    </rPh>
    <rPh sb="4" eb="5">
      <t>サトル</t>
    </rPh>
    <phoneticPr fontId="5"/>
  </si>
  <si>
    <t>吉田　英男</t>
    <rPh sb="0" eb="1">
      <t>キチ</t>
    </rPh>
    <rPh sb="1" eb="2">
      <t>タ</t>
    </rPh>
    <rPh sb="3" eb="5">
      <t>ヒデオ</t>
    </rPh>
    <phoneticPr fontId="5"/>
  </si>
  <si>
    <t>高橋　昌和</t>
    <rPh sb="0" eb="2">
      <t>タカハシ</t>
    </rPh>
    <rPh sb="3" eb="5">
      <t>マサカズ</t>
    </rPh>
    <phoneticPr fontId="5"/>
  </si>
  <si>
    <t>小林　常良</t>
    <rPh sb="0" eb="2">
      <t>コバヤシ</t>
    </rPh>
    <rPh sb="3" eb="5">
      <t>ツネヨシ</t>
    </rPh>
    <phoneticPr fontId="5"/>
  </si>
  <si>
    <t>大木　哲</t>
    <rPh sb="0" eb="2">
      <t>オオキ</t>
    </rPh>
    <rPh sb="3" eb="4">
      <t>テツ</t>
    </rPh>
    <phoneticPr fontId="5"/>
  </si>
  <si>
    <t>髙山　松太郎</t>
    <rPh sb="0" eb="1">
      <t>タカ</t>
    </rPh>
    <rPh sb="1" eb="2">
      <t>ヤマ</t>
    </rPh>
    <rPh sb="3" eb="6">
      <t>マツタロウ</t>
    </rPh>
    <phoneticPr fontId="6"/>
  </si>
  <si>
    <t>内野　優</t>
    <rPh sb="0" eb="2">
      <t>ナイヤ</t>
    </rPh>
    <rPh sb="3" eb="4">
      <t>ユウ</t>
    </rPh>
    <phoneticPr fontId="5"/>
  </si>
  <si>
    <t>佐藤　弥斗</t>
    <rPh sb="0" eb="2">
      <t>サトウ</t>
    </rPh>
    <rPh sb="3" eb="4">
      <t>ヤ</t>
    </rPh>
    <rPh sb="4" eb="5">
      <t>ト</t>
    </rPh>
    <phoneticPr fontId="4"/>
  </si>
  <si>
    <t>加藤　修平</t>
    <rPh sb="0" eb="2">
      <t>カトウ</t>
    </rPh>
    <rPh sb="3" eb="5">
      <t>シュウヘイ</t>
    </rPh>
    <phoneticPr fontId="5"/>
  </si>
  <si>
    <t>古塩　政由</t>
    <rPh sb="0" eb="1">
      <t>ふる</t>
    </rPh>
    <rPh sb="1" eb="2">
      <t>しお</t>
    </rPh>
    <rPh sb="3" eb="5">
      <t>まさよし</t>
    </rPh>
    <phoneticPr fontId="1" type="Hiragana"/>
  </si>
  <si>
    <t>山梨　崇仁</t>
    <rPh sb="0" eb="2">
      <t>ヤマナシ</t>
    </rPh>
    <rPh sb="3" eb="5">
      <t>タカヒト</t>
    </rPh>
    <phoneticPr fontId="5"/>
  </si>
  <si>
    <t>木村　俊雄</t>
    <rPh sb="0" eb="2">
      <t>キムラ</t>
    </rPh>
    <rPh sb="3" eb="5">
      <t>トシオ</t>
    </rPh>
    <phoneticPr fontId="5"/>
  </si>
  <si>
    <t>中﨑　久雄</t>
    <rPh sb="0" eb="1">
      <t>ナカ</t>
    </rPh>
    <rPh sb="1" eb="2">
      <t>キ</t>
    </rPh>
    <rPh sb="3" eb="5">
      <t>ヒサオ</t>
    </rPh>
    <phoneticPr fontId="5"/>
  </si>
  <si>
    <t>村田　　子</t>
    <rPh sb="0" eb="2">
      <t>ムラタ</t>
    </rPh>
    <rPh sb="4" eb="5">
      <t>コ</t>
    </rPh>
    <phoneticPr fontId="5"/>
  </si>
  <si>
    <t>杉山　祐一</t>
    <rPh sb="0" eb="1">
      <t>スギ</t>
    </rPh>
    <rPh sb="1" eb="2">
      <t>ヤマ</t>
    </rPh>
    <rPh sb="3" eb="5">
      <t>ユウイチ</t>
    </rPh>
    <phoneticPr fontId="5"/>
  </si>
  <si>
    <t>小田　眞一</t>
    <rPh sb="0" eb="2">
      <t>オダ</t>
    </rPh>
    <rPh sb="3" eb="5">
      <t>シンイチ</t>
    </rPh>
    <phoneticPr fontId="5"/>
  </si>
  <si>
    <t>本山　博幸</t>
    <rPh sb="0" eb="2">
      <t>モトヤマ</t>
    </rPh>
    <rPh sb="3" eb="5">
      <t>ヒロユキ</t>
    </rPh>
    <phoneticPr fontId="5"/>
  </si>
  <si>
    <t>湯川　裕司</t>
    <rPh sb="0" eb="2">
      <t>ユカワ</t>
    </rPh>
    <rPh sb="3" eb="5">
      <t>ユウジ</t>
    </rPh>
    <phoneticPr fontId="5"/>
  </si>
  <si>
    <t>府川　裕一</t>
    <rPh sb="0" eb="2">
      <t>フカワ</t>
    </rPh>
    <rPh sb="3" eb="5">
      <t>ユウイチ</t>
    </rPh>
    <phoneticPr fontId="5"/>
  </si>
  <si>
    <t>松本　一彦</t>
    <rPh sb="0" eb="2">
      <t>マツモト</t>
    </rPh>
    <rPh sb="3" eb="5">
      <t>カズヒコ</t>
    </rPh>
    <phoneticPr fontId="4"/>
  </si>
  <si>
    <t>冨田　幸宏</t>
    <rPh sb="0" eb="2">
      <t>トミタ</t>
    </rPh>
    <rPh sb="3" eb="5">
      <t>ユキヒロ</t>
    </rPh>
    <phoneticPr fontId="5"/>
  </si>
  <si>
    <t>小野澤　豊</t>
    <rPh sb="0" eb="3">
      <t>オノザワ</t>
    </rPh>
    <rPh sb="4" eb="5">
      <t>ユタカ</t>
    </rPh>
    <phoneticPr fontId="5"/>
  </si>
  <si>
    <t>岩澤　吉美</t>
    <rPh sb="0" eb="2">
      <t>イワサワ</t>
    </rPh>
    <rPh sb="3" eb="5">
      <t>ヨシミ</t>
    </rPh>
    <phoneticPr fontId="5"/>
  </si>
  <si>
    <t>都道府県名　神奈川県</t>
    <rPh sb="0" eb="4">
      <t>トドウフケン</t>
    </rPh>
    <rPh sb="4" eb="5">
      <t>メイ</t>
    </rPh>
    <rPh sb="6" eb="10">
      <t>カナガワケン</t>
    </rPh>
    <phoneticPr fontId="8"/>
  </si>
  <si>
    <t>令和　３年１１月１日現在</t>
    <rPh sb="0" eb="2">
      <t>れいわ</t>
    </rPh>
    <rPh sb="4" eb="5">
      <t>ねん</t>
    </rPh>
    <rPh sb="7" eb="8">
      <t>がつ</t>
    </rPh>
    <rPh sb="9" eb="10">
      <t>ひ</t>
    </rPh>
    <rPh sb="10" eb="12">
      <t>げんざい</t>
    </rPh>
    <phoneticPr fontId="11" type="Hiragana"/>
  </si>
  <si>
    <t>山中　竹春</t>
    <rPh sb="0" eb="2">
      <t>ヤマナカ</t>
    </rPh>
    <rPh sb="3" eb="5">
      <t>タケハル</t>
    </rPh>
    <phoneticPr fontId="5"/>
  </si>
  <si>
    <t>勝俣　浩行</t>
    <rPh sb="0" eb="2">
      <t>カツマタ</t>
    </rPh>
    <rPh sb="3" eb="5">
      <t>ヒロユキ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6"/>
      <name val="ＭＳ Ｐ明朝"/>
      <family val="1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0" fontId="7" fillId="0" borderId="0" xfId="0" applyFont="1" applyFill="1">
      <alignment vertical="center"/>
    </xf>
    <xf numFmtId="0" fontId="10" fillId="0" borderId="1" xfId="0" applyFont="1" applyFill="1" applyBorder="1">
      <alignment vertical="center"/>
    </xf>
    <xf numFmtId="0" fontId="7" fillId="0" borderId="1" xfId="0" applyFont="1" applyFill="1" applyBorder="1">
      <alignment vertical="center"/>
    </xf>
    <xf numFmtId="49" fontId="7" fillId="0" borderId="0" xfId="0" applyNumberFormat="1" applyFont="1" applyFill="1" applyBorder="1" applyAlignment="1">
      <alignment horizontal="right"/>
    </xf>
    <xf numFmtId="49" fontId="7" fillId="0" borderId="0" xfId="0" applyNumberFormat="1" applyFont="1" applyFill="1" applyAlignment="1">
      <alignment horizontal="right"/>
    </xf>
    <xf numFmtId="49" fontId="7" fillId="0" borderId="1" xfId="0" applyNumberFormat="1" applyFont="1" applyFill="1" applyBorder="1" applyAlignment="1"/>
    <xf numFmtId="0" fontId="12" fillId="0" borderId="1" xfId="0" applyFont="1" applyFill="1" applyBorder="1" applyAlignment="1"/>
    <xf numFmtId="0" fontId="7" fillId="0" borderId="2" xfId="0" applyFont="1" applyFill="1" applyBorder="1">
      <alignment vertical="center"/>
    </xf>
    <xf numFmtId="0" fontId="7" fillId="0" borderId="3" xfId="0" applyFont="1" applyFill="1" applyBorder="1" applyAlignment="1"/>
    <xf numFmtId="0" fontId="7" fillId="0" borderId="4" xfId="0" applyFont="1" applyFill="1" applyBorder="1" applyAlignment="1">
      <alignment horizontal="center"/>
    </xf>
    <xf numFmtId="0" fontId="7" fillId="0" borderId="2" xfId="0" applyFont="1" applyFill="1" applyBorder="1" applyAlignment="1">
      <alignment horizontal="center"/>
    </xf>
    <xf numFmtId="0" fontId="7" fillId="0" borderId="3" xfId="0" applyFont="1" applyFill="1" applyBorder="1">
      <alignment vertical="center"/>
    </xf>
    <xf numFmtId="0" fontId="7" fillId="0" borderId="4" xfId="0" applyFont="1" applyFill="1" applyBorder="1">
      <alignment vertical="center"/>
    </xf>
    <xf numFmtId="0" fontId="7" fillId="0" borderId="7" xfId="0" applyFont="1" applyFill="1" applyBorder="1">
      <alignment vertical="center"/>
    </xf>
    <xf numFmtId="0" fontId="7" fillId="0" borderId="1" xfId="0" applyFont="1" applyFill="1" applyBorder="1" applyAlignment="1">
      <alignment vertical="top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/>
    </xf>
    <xf numFmtId="0" fontId="7" fillId="0" borderId="8" xfId="0" applyFont="1" applyFill="1" applyBorder="1">
      <alignment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9" xfId="0" applyFont="1" applyFill="1" applyBorder="1">
      <alignment vertical="center"/>
    </xf>
    <xf numFmtId="0" fontId="7" fillId="0" borderId="10" xfId="0" applyFont="1" applyFill="1" applyBorder="1">
      <alignment vertical="center"/>
    </xf>
    <xf numFmtId="0" fontId="7" fillId="0" borderId="11" xfId="0" applyFont="1" applyFill="1" applyBorder="1">
      <alignment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horizontal="center" vertical="center"/>
    </xf>
    <xf numFmtId="0" fontId="7" fillId="0" borderId="0" xfId="0" applyFont="1" applyFill="1" applyBorder="1">
      <alignment vertical="center"/>
    </xf>
    <xf numFmtId="0" fontId="9" fillId="0" borderId="0" xfId="0" applyFont="1" applyFill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426720</xdr:colOff>
      <xdr:row>33</xdr:row>
      <xdr:rowOff>68580</xdr:rowOff>
    </xdr:from>
    <xdr:to>
      <xdr:col>4</xdr:col>
      <xdr:colOff>560844</xdr:colOff>
      <xdr:row>33</xdr:row>
      <xdr:rowOff>208800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661160" y="7993380"/>
          <a:ext cx="134124" cy="140220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51"/>
  <sheetViews>
    <sheetView tabSelected="1" view="pageBreakPreview" zoomScaleNormal="100" zoomScaleSheetLayoutView="100" workbookViewId="0">
      <selection activeCell="E41" sqref="E41"/>
    </sheetView>
  </sheetViews>
  <sheetFormatPr defaultColWidth="9" defaultRowHeight="13.2" x14ac:dyDescent="0.2"/>
  <cols>
    <col min="1" max="1" width="2.109375" style="1" customWidth="1"/>
    <col min="2" max="2" width="11.6640625" style="1" customWidth="1"/>
    <col min="3" max="4" width="2.109375" style="1" customWidth="1"/>
    <col min="5" max="5" width="13" style="1" customWidth="1"/>
    <col min="6" max="6" width="2.109375" style="1" customWidth="1"/>
    <col min="7" max="12" width="8" style="1" customWidth="1"/>
    <col min="13" max="249" width="9" style="1"/>
    <col min="250" max="250" width="2.109375" style="1" customWidth="1"/>
    <col min="251" max="251" width="11.6640625" style="1" customWidth="1"/>
    <col min="252" max="253" width="2.109375" style="1" customWidth="1"/>
    <col min="254" max="254" width="5" style="1" customWidth="1"/>
    <col min="255" max="255" width="9" style="1"/>
    <col min="256" max="256" width="2.109375" style="1" customWidth="1"/>
    <col min="257" max="263" width="4.6640625" style="1" customWidth="1"/>
    <col min="264" max="264" width="5.109375" style="1" customWidth="1"/>
    <col min="265" max="268" width="4.6640625" style="1" customWidth="1"/>
    <col min="269" max="505" width="9" style="1"/>
    <col min="506" max="506" width="2.109375" style="1" customWidth="1"/>
    <col min="507" max="507" width="11.6640625" style="1" customWidth="1"/>
    <col min="508" max="509" width="2.109375" style="1" customWidth="1"/>
    <col min="510" max="510" width="5" style="1" customWidth="1"/>
    <col min="511" max="511" width="9" style="1"/>
    <col min="512" max="512" width="2.109375" style="1" customWidth="1"/>
    <col min="513" max="519" width="4.6640625" style="1" customWidth="1"/>
    <col min="520" max="520" width="5.109375" style="1" customWidth="1"/>
    <col min="521" max="524" width="4.6640625" style="1" customWidth="1"/>
    <col min="525" max="761" width="9" style="1"/>
    <col min="762" max="762" width="2.109375" style="1" customWidth="1"/>
    <col min="763" max="763" width="11.6640625" style="1" customWidth="1"/>
    <col min="764" max="765" width="2.109375" style="1" customWidth="1"/>
    <col min="766" max="766" width="5" style="1" customWidth="1"/>
    <col min="767" max="767" width="9" style="1"/>
    <col min="768" max="768" width="2.109375" style="1" customWidth="1"/>
    <col min="769" max="775" width="4.6640625" style="1" customWidth="1"/>
    <col min="776" max="776" width="5.109375" style="1" customWidth="1"/>
    <col min="777" max="780" width="4.6640625" style="1" customWidth="1"/>
    <col min="781" max="1017" width="9" style="1"/>
    <col min="1018" max="1018" width="2.109375" style="1" customWidth="1"/>
    <col min="1019" max="1019" width="11.6640625" style="1" customWidth="1"/>
    <col min="1020" max="1021" width="2.109375" style="1" customWidth="1"/>
    <col min="1022" max="1022" width="5" style="1" customWidth="1"/>
    <col min="1023" max="1023" width="9" style="1"/>
    <col min="1024" max="1024" width="2.109375" style="1" customWidth="1"/>
    <col min="1025" max="1031" width="4.6640625" style="1" customWidth="1"/>
    <col min="1032" max="1032" width="5.109375" style="1" customWidth="1"/>
    <col min="1033" max="1036" width="4.6640625" style="1" customWidth="1"/>
    <col min="1037" max="1273" width="9" style="1"/>
    <col min="1274" max="1274" width="2.109375" style="1" customWidth="1"/>
    <col min="1275" max="1275" width="11.6640625" style="1" customWidth="1"/>
    <col min="1276" max="1277" width="2.109375" style="1" customWidth="1"/>
    <col min="1278" max="1278" width="5" style="1" customWidth="1"/>
    <col min="1279" max="1279" width="9" style="1"/>
    <col min="1280" max="1280" width="2.109375" style="1" customWidth="1"/>
    <col min="1281" max="1287" width="4.6640625" style="1" customWidth="1"/>
    <col min="1288" max="1288" width="5.109375" style="1" customWidth="1"/>
    <col min="1289" max="1292" width="4.6640625" style="1" customWidth="1"/>
    <col min="1293" max="1529" width="9" style="1"/>
    <col min="1530" max="1530" width="2.109375" style="1" customWidth="1"/>
    <col min="1531" max="1531" width="11.6640625" style="1" customWidth="1"/>
    <col min="1532" max="1533" width="2.109375" style="1" customWidth="1"/>
    <col min="1534" max="1534" width="5" style="1" customWidth="1"/>
    <col min="1535" max="1535" width="9" style="1"/>
    <col min="1536" max="1536" width="2.109375" style="1" customWidth="1"/>
    <col min="1537" max="1543" width="4.6640625" style="1" customWidth="1"/>
    <col min="1544" max="1544" width="5.109375" style="1" customWidth="1"/>
    <col min="1545" max="1548" width="4.6640625" style="1" customWidth="1"/>
    <col min="1549" max="1785" width="9" style="1"/>
    <col min="1786" max="1786" width="2.109375" style="1" customWidth="1"/>
    <col min="1787" max="1787" width="11.6640625" style="1" customWidth="1"/>
    <col min="1788" max="1789" width="2.109375" style="1" customWidth="1"/>
    <col min="1790" max="1790" width="5" style="1" customWidth="1"/>
    <col min="1791" max="1791" width="9" style="1"/>
    <col min="1792" max="1792" width="2.109375" style="1" customWidth="1"/>
    <col min="1793" max="1799" width="4.6640625" style="1" customWidth="1"/>
    <col min="1800" max="1800" width="5.109375" style="1" customWidth="1"/>
    <col min="1801" max="1804" width="4.6640625" style="1" customWidth="1"/>
    <col min="1805" max="2041" width="9" style="1"/>
    <col min="2042" max="2042" width="2.109375" style="1" customWidth="1"/>
    <col min="2043" max="2043" width="11.6640625" style="1" customWidth="1"/>
    <col min="2044" max="2045" width="2.109375" style="1" customWidth="1"/>
    <col min="2046" max="2046" width="5" style="1" customWidth="1"/>
    <col min="2047" max="2047" width="9" style="1"/>
    <col min="2048" max="2048" width="2.109375" style="1" customWidth="1"/>
    <col min="2049" max="2055" width="4.6640625" style="1" customWidth="1"/>
    <col min="2056" max="2056" width="5.109375" style="1" customWidth="1"/>
    <col min="2057" max="2060" width="4.6640625" style="1" customWidth="1"/>
    <col min="2061" max="2297" width="9" style="1"/>
    <col min="2298" max="2298" width="2.109375" style="1" customWidth="1"/>
    <col min="2299" max="2299" width="11.6640625" style="1" customWidth="1"/>
    <col min="2300" max="2301" width="2.109375" style="1" customWidth="1"/>
    <col min="2302" max="2302" width="5" style="1" customWidth="1"/>
    <col min="2303" max="2303" width="9" style="1"/>
    <col min="2304" max="2304" width="2.109375" style="1" customWidth="1"/>
    <col min="2305" max="2311" width="4.6640625" style="1" customWidth="1"/>
    <col min="2312" max="2312" width="5.109375" style="1" customWidth="1"/>
    <col min="2313" max="2316" width="4.6640625" style="1" customWidth="1"/>
    <col min="2317" max="2553" width="9" style="1"/>
    <col min="2554" max="2554" width="2.109375" style="1" customWidth="1"/>
    <col min="2555" max="2555" width="11.6640625" style="1" customWidth="1"/>
    <col min="2556" max="2557" width="2.109375" style="1" customWidth="1"/>
    <col min="2558" max="2558" width="5" style="1" customWidth="1"/>
    <col min="2559" max="2559" width="9" style="1"/>
    <col min="2560" max="2560" width="2.109375" style="1" customWidth="1"/>
    <col min="2561" max="2567" width="4.6640625" style="1" customWidth="1"/>
    <col min="2568" max="2568" width="5.109375" style="1" customWidth="1"/>
    <col min="2569" max="2572" width="4.6640625" style="1" customWidth="1"/>
    <col min="2573" max="2809" width="9" style="1"/>
    <col min="2810" max="2810" width="2.109375" style="1" customWidth="1"/>
    <col min="2811" max="2811" width="11.6640625" style="1" customWidth="1"/>
    <col min="2812" max="2813" width="2.109375" style="1" customWidth="1"/>
    <col min="2814" max="2814" width="5" style="1" customWidth="1"/>
    <col min="2815" max="2815" width="9" style="1"/>
    <col min="2816" max="2816" width="2.109375" style="1" customWidth="1"/>
    <col min="2817" max="2823" width="4.6640625" style="1" customWidth="1"/>
    <col min="2824" max="2824" width="5.109375" style="1" customWidth="1"/>
    <col min="2825" max="2828" width="4.6640625" style="1" customWidth="1"/>
    <col min="2829" max="3065" width="9" style="1"/>
    <col min="3066" max="3066" width="2.109375" style="1" customWidth="1"/>
    <col min="3067" max="3067" width="11.6640625" style="1" customWidth="1"/>
    <col min="3068" max="3069" width="2.109375" style="1" customWidth="1"/>
    <col min="3070" max="3070" width="5" style="1" customWidth="1"/>
    <col min="3071" max="3071" width="9" style="1"/>
    <col min="3072" max="3072" width="2.109375" style="1" customWidth="1"/>
    <col min="3073" max="3079" width="4.6640625" style="1" customWidth="1"/>
    <col min="3080" max="3080" width="5.109375" style="1" customWidth="1"/>
    <col min="3081" max="3084" width="4.6640625" style="1" customWidth="1"/>
    <col min="3085" max="3321" width="9" style="1"/>
    <col min="3322" max="3322" width="2.109375" style="1" customWidth="1"/>
    <col min="3323" max="3323" width="11.6640625" style="1" customWidth="1"/>
    <col min="3324" max="3325" width="2.109375" style="1" customWidth="1"/>
    <col min="3326" max="3326" width="5" style="1" customWidth="1"/>
    <col min="3327" max="3327" width="9" style="1"/>
    <col min="3328" max="3328" width="2.109375" style="1" customWidth="1"/>
    <col min="3329" max="3335" width="4.6640625" style="1" customWidth="1"/>
    <col min="3336" max="3336" width="5.109375" style="1" customWidth="1"/>
    <col min="3337" max="3340" width="4.6640625" style="1" customWidth="1"/>
    <col min="3341" max="3577" width="9" style="1"/>
    <col min="3578" max="3578" width="2.109375" style="1" customWidth="1"/>
    <col min="3579" max="3579" width="11.6640625" style="1" customWidth="1"/>
    <col min="3580" max="3581" width="2.109375" style="1" customWidth="1"/>
    <col min="3582" max="3582" width="5" style="1" customWidth="1"/>
    <col min="3583" max="3583" width="9" style="1"/>
    <col min="3584" max="3584" width="2.109375" style="1" customWidth="1"/>
    <col min="3585" max="3591" width="4.6640625" style="1" customWidth="1"/>
    <col min="3592" max="3592" width="5.109375" style="1" customWidth="1"/>
    <col min="3593" max="3596" width="4.6640625" style="1" customWidth="1"/>
    <col min="3597" max="3833" width="9" style="1"/>
    <col min="3834" max="3834" width="2.109375" style="1" customWidth="1"/>
    <col min="3835" max="3835" width="11.6640625" style="1" customWidth="1"/>
    <col min="3836" max="3837" width="2.109375" style="1" customWidth="1"/>
    <col min="3838" max="3838" width="5" style="1" customWidth="1"/>
    <col min="3839" max="3839" width="9" style="1"/>
    <col min="3840" max="3840" width="2.109375" style="1" customWidth="1"/>
    <col min="3841" max="3847" width="4.6640625" style="1" customWidth="1"/>
    <col min="3848" max="3848" width="5.109375" style="1" customWidth="1"/>
    <col min="3849" max="3852" width="4.6640625" style="1" customWidth="1"/>
    <col min="3853" max="4089" width="9" style="1"/>
    <col min="4090" max="4090" width="2.109375" style="1" customWidth="1"/>
    <col min="4091" max="4091" width="11.6640625" style="1" customWidth="1"/>
    <col min="4092" max="4093" width="2.109375" style="1" customWidth="1"/>
    <col min="4094" max="4094" width="5" style="1" customWidth="1"/>
    <col min="4095" max="4095" width="9" style="1"/>
    <col min="4096" max="4096" width="2.109375" style="1" customWidth="1"/>
    <col min="4097" max="4103" width="4.6640625" style="1" customWidth="1"/>
    <col min="4104" max="4104" width="5.109375" style="1" customWidth="1"/>
    <col min="4105" max="4108" width="4.6640625" style="1" customWidth="1"/>
    <col min="4109" max="4345" width="9" style="1"/>
    <col min="4346" max="4346" width="2.109375" style="1" customWidth="1"/>
    <col min="4347" max="4347" width="11.6640625" style="1" customWidth="1"/>
    <col min="4348" max="4349" width="2.109375" style="1" customWidth="1"/>
    <col min="4350" max="4350" width="5" style="1" customWidth="1"/>
    <col min="4351" max="4351" width="9" style="1"/>
    <col min="4352" max="4352" width="2.109375" style="1" customWidth="1"/>
    <col min="4353" max="4359" width="4.6640625" style="1" customWidth="1"/>
    <col min="4360" max="4360" width="5.109375" style="1" customWidth="1"/>
    <col min="4361" max="4364" width="4.6640625" style="1" customWidth="1"/>
    <col min="4365" max="4601" width="9" style="1"/>
    <col min="4602" max="4602" width="2.109375" style="1" customWidth="1"/>
    <col min="4603" max="4603" width="11.6640625" style="1" customWidth="1"/>
    <col min="4604" max="4605" width="2.109375" style="1" customWidth="1"/>
    <col min="4606" max="4606" width="5" style="1" customWidth="1"/>
    <col min="4607" max="4607" width="9" style="1"/>
    <col min="4608" max="4608" width="2.109375" style="1" customWidth="1"/>
    <col min="4609" max="4615" width="4.6640625" style="1" customWidth="1"/>
    <col min="4616" max="4616" width="5.109375" style="1" customWidth="1"/>
    <col min="4617" max="4620" width="4.6640625" style="1" customWidth="1"/>
    <col min="4621" max="4857" width="9" style="1"/>
    <col min="4858" max="4858" width="2.109375" style="1" customWidth="1"/>
    <col min="4859" max="4859" width="11.6640625" style="1" customWidth="1"/>
    <col min="4860" max="4861" width="2.109375" style="1" customWidth="1"/>
    <col min="4862" max="4862" width="5" style="1" customWidth="1"/>
    <col min="4863" max="4863" width="9" style="1"/>
    <col min="4864" max="4864" width="2.109375" style="1" customWidth="1"/>
    <col min="4865" max="4871" width="4.6640625" style="1" customWidth="1"/>
    <col min="4872" max="4872" width="5.109375" style="1" customWidth="1"/>
    <col min="4873" max="4876" width="4.6640625" style="1" customWidth="1"/>
    <col min="4877" max="5113" width="9" style="1"/>
    <col min="5114" max="5114" width="2.109375" style="1" customWidth="1"/>
    <col min="5115" max="5115" width="11.6640625" style="1" customWidth="1"/>
    <col min="5116" max="5117" width="2.109375" style="1" customWidth="1"/>
    <col min="5118" max="5118" width="5" style="1" customWidth="1"/>
    <col min="5119" max="5119" width="9" style="1"/>
    <col min="5120" max="5120" width="2.109375" style="1" customWidth="1"/>
    <col min="5121" max="5127" width="4.6640625" style="1" customWidth="1"/>
    <col min="5128" max="5128" width="5.109375" style="1" customWidth="1"/>
    <col min="5129" max="5132" width="4.6640625" style="1" customWidth="1"/>
    <col min="5133" max="5369" width="9" style="1"/>
    <col min="5370" max="5370" width="2.109375" style="1" customWidth="1"/>
    <col min="5371" max="5371" width="11.6640625" style="1" customWidth="1"/>
    <col min="5372" max="5373" width="2.109375" style="1" customWidth="1"/>
    <col min="5374" max="5374" width="5" style="1" customWidth="1"/>
    <col min="5375" max="5375" width="9" style="1"/>
    <col min="5376" max="5376" width="2.109375" style="1" customWidth="1"/>
    <col min="5377" max="5383" width="4.6640625" style="1" customWidth="1"/>
    <col min="5384" max="5384" width="5.109375" style="1" customWidth="1"/>
    <col min="5385" max="5388" width="4.6640625" style="1" customWidth="1"/>
    <col min="5389" max="5625" width="9" style="1"/>
    <col min="5626" max="5626" width="2.109375" style="1" customWidth="1"/>
    <col min="5627" max="5627" width="11.6640625" style="1" customWidth="1"/>
    <col min="5628" max="5629" width="2.109375" style="1" customWidth="1"/>
    <col min="5630" max="5630" width="5" style="1" customWidth="1"/>
    <col min="5631" max="5631" width="9" style="1"/>
    <col min="5632" max="5632" width="2.109375" style="1" customWidth="1"/>
    <col min="5633" max="5639" width="4.6640625" style="1" customWidth="1"/>
    <col min="5640" max="5640" width="5.109375" style="1" customWidth="1"/>
    <col min="5641" max="5644" width="4.6640625" style="1" customWidth="1"/>
    <col min="5645" max="5881" width="9" style="1"/>
    <col min="5882" max="5882" width="2.109375" style="1" customWidth="1"/>
    <col min="5883" max="5883" width="11.6640625" style="1" customWidth="1"/>
    <col min="5884" max="5885" width="2.109375" style="1" customWidth="1"/>
    <col min="5886" max="5886" width="5" style="1" customWidth="1"/>
    <col min="5887" max="5887" width="9" style="1"/>
    <col min="5888" max="5888" width="2.109375" style="1" customWidth="1"/>
    <col min="5889" max="5895" width="4.6640625" style="1" customWidth="1"/>
    <col min="5896" max="5896" width="5.109375" style="1" customWidth="1"/>
    <col min="5897" max="5900" width="4.6640625" style="1" customWidth="1"/>
    <col min="5901" max="6137" width="9" style="1"/>
    <col min="6138" max="6138" width="2.109375" style="1" customWidth="1"/>
    <col min="6139" max="6139" width="11.6640625" style="1" customWidth="1"/>
    <col min="6140" max="6141" width="2.109375" style="1" customWidth="1"/>
    <col min="6142" max="6142" width="5" style="1" customWidth="1"/>
    <col min="6143" max="6143" width="9" style="1"/>
    <col min="6144" max="6144" width="2.109375" style="1" customWidth="1"/>
    <col min="6145" max="6151" width="4.6640625" style="1" customWidth="1"/>
    <col min="6152" max="6152" width="5.109375" style="1" customWidth="1"/>
    <col min="6153" max="6156" width="4.6640625" style="1" customWidth="1"/>
    <col min="6157" max="6393" width="9" style="1"/>
    <col min="6394" max="6394" width="2.109375" style="1" customWidth="1"/>
    <col min="6395" max="6395" width="11.6640625" style="1" customWidth="1"/>
    <col min="6396" max="6397" width="2.109375" style="1" customWidth="1"/>
    <col min="6398" max="6398" width="5" style="1" customWidth="1"/>
    <col min="6399" max="6399" width="9" style="1"/>
    <col min="6400" max="6400" width="2.109375" style="1" customWidth="1"/>
    <col min="6401" max="6407" width="4.6640625" style="1" customWidth="1"/>
    <col min="6408" max="6408" width="5.109375" style="1" customWidth="1"/>
    <col min="6409" max="6412" width="4.6640625" style="1" customWidth="1"/>
    <col min="6413" max="6649" width="9" style="1"/>
    <col min="6650" max="6650" width="2.109375" style="1" customWidth="1"/>
    <col min="6651" max="6651" width="11.6640625" style="1" customWidth="1"/>
    <col min="6652" max="6653" width="2.109375" style="1" customWidth="1"/>
    <col min="6654" max="6654" width="5" style="1" customWidth="1"/>
    <col min="6655" max="6655" width="9" style="1"/>
    <col min="6656" max="6656" width="2.109375" style="1" customWidth="1"/>
    <col min="6657" max="6663" width="4.6640625" style="1" customWidth="1"/>
    <col min="6664" max="6664" width="5.109375" style="1" customWidth="1"/>
    <col min="6665" max="6668" width="4.6640625" style="1" customWidth="1"/>
    <col min="6669" max="6905" width="9" style="1"/>
    <col min="6906" max="6906" width="2.109375" style="1" customWidth="1"/>
    <col min="6907" max="6907" width="11.6640625" style="1" customWidth="1"/>
    <col min="6908" max="6909" width="2.109375" style="1" customWidth="1"/>
    <col min="6910" max="6910" width="5" style="1" customWidth="1"/>
    <col min="6911" max="6911" width="9" style="1"/>
    <col min="6912" max="6912" width="2.109375" style="1" customWidth="1"/>
    <col min="6913" max="6919" width="4.6640625" style="1" customWidth="1"/>
    <col min="6920" max="6920" width="5.109375" style="1" customWidth="1"/>
    <col min="6921" max="6924" width="4.6640625" style="1" customWidth="1"/>
    <col min="6925" max="7161" width="9" style="1"/>
    <col min="7162" max="7162" width="2.109375" style="1" customWidth="1"/>
    <col min="7163" max="7163" width="11.6640625" style="1" customWidth="1"/>
    <col min="7164" max="7165" width="2.109375" style="1" customWidth="1"/>
    <col min="7166" max="7166" width="5" style="1" customWidth="1"/>
    <col min="7167" max="7167" width="9" style="1"/>
    <col min="7168" max="7168" width="2.109375" style="1" customWidth="1"/>
    <col min="7169" max="7175" width="4.6640625" style="1" customWidth="1"/>
    <col min="7176" max="7176" width="5.109375" style="1" customWidth="1"/>
    <col min="7177" max="7180" width="4.6640625" style="1" customWidth="1"/>
    <col min="7181" max="7417" width="9" style="1"/>
    <col min="7418" max="7418" width="2.109375" style="1" customWidth="1"/>
    <col min="7419" max="7419" width="11.6640625" style="1" customWidth="1"/>
    <col min="7420" max="7421" width="2.109375" style="1" customWidth="1"/>
    <col min="7422" max="7422" width="5" style="1" customWidth="1"/>
    <col min="7423" max="7423" width="9" style="1"/>
    <col min="7424" max="7424" width="2.109375" style="1" customWidth="1"/>
    <col min="7425" max="7431" width="4.6640625" style="1" customWidth="1"/>
    <col min="7432" max="7432" width="5.109375" style="1" customWidth="1"/>
    <col min="7433" max="7436" width="4.6640625" style="1" customWidth="1"/>
    <col min="7437" max="7673" width="9" style="1"/>
    <col min="7674" max="7674" width="2.109375" style="1" customWidth="1"/>
    <col min="7675" max="7675" width="11.6640625" style="1" customWidth="1"/>
    <col min="7676" max="7677" width="2.109375" style="1" customWidth="1"/>
    <col min="7678" max="7678" width="5" style="1" customWidth="1"/>
    <col min="7679" max="7679" width="9" style="1"/>
    <col min="7680" max="7680" width="2.109375" style="1" customWidth="1"/>
    <col min="7681" max="7687" width="4.6640625" style="1" customWidth="1"/>
    <col min="7688" max="7688" width="5.109375" style="1" customWidth="1"/>
    <col min="7689" max="7692" width="4.6640625" style="1" customWidth="1"/>
    <col min="7693" max="7929" width="9" style="1"/>
    <col min="7930" max="7930" width="2.109375" style="1" customWidth="1"/>
    <col min="7931" max="7931" width="11.6640625" style="1" customWidth="1"/>
    <col min="7932" max="7933" width="2.109375" style="1" customWidth="1"/>
    <col min="7934" max="7934" width="5" style="1" customWidth="1"/>
    <col min="7935" max="7935" width="9" style="1"/>
    <col min="7936" max="7936" width="2.109375" style="1" customWidth="1"/>
    <col min="7937" max="7943" width="4.6640625" style="1" customWidth="1"/>
    <col min="7944" max="7944" width="5.109375" style="1" customWidth="1"/>
    <col min="7945" max="7948" width="4.6640625" style="1" customWidth="1"/>
    <col min="7949" max="8185" width="9" style="1"/>
    <col min="8186" max="8186" width="2.109375" style="1" customWidth="1"/>
    <col min="8187" max="8187" width="11.6640625" style="1" customWidth="1"/>
    <col min="8188" max="8189" width="2.109375" style="1" customWidth="1"/>
    <col min="8190" max="8190" width="5" style="1" customWidth="1"/>
    <col min="8191" max="8191" width="9" style="1"/>
    <col min="8192" max="8192" width="2.109375" style="1" customWidth="1"/>
    <col min="8193" max="8199" width="4.6640625" style="1" customWidth="1"/>
    <col min="8200" max="8200" width="5.109375" style="1" customWidth="1"/>
    <col min="8201" max="8204" width="4.6640625" style="1" customWidth="1"/>
    <col min="8205" max="8441" width="9" style="1"/>
    <col min="8442" max="8442" width="2.109375" style="1" customWidth="1"/>
    <col min="8443" max="8443" width="11.6640625" style="1" customWidth="1"/>
    <col min="8444" max="8445" width="2.109375" style="1" customWidth="1"/>
    <col min="8446" max="8446" width="5" style="1" customWidth="1"/>
    <col min="8447" max="8447" width="9" style="1"/>
    <col min="8448" max="8448" width="2.109375" style="1" customWidth="1"/>
    <col min="8449" max="8455" width="4.6640625" style="1" customWidth="1"/>
    <col min="8456" max="8456" width="5.109375" style="1" customWidth="1"/>
    <col min="8457" max="8460" width="4.6640625" style="1" customWidth="1"/>
    <col min="8461" max="8697" width="9" style="1"/>
    <col min="8698" max="8698" width="2.109375" style="1" customWidth="1"/>
    <col min="8699" max="8699" width="11.6640625" style="1" customWidth="1"/>
    <col min="8700" max="8701" width="2.109375" style="1" customWidth="1"/>
    <col min="8702" max="8702" width="5" style="1" customWidth="1"/>
    <col min="8703" max="8703" width="9" style="1"/>
    <col min="8704" max="8704" width="2.109375" style="1" customWidth="1"/>
    <col min="8705" max="8711" width="4.6640625" style="1" customWidth="1"/>
    <col min="8712" max="8712" width="5.109375" style="1" customWidth="1"/>
    <col min="8713" max="8716" width="4.6640625" style="1" customWidth="1"/>
    <col min="8717" max="8953" width="9" style="1"/>
    <col min="8954" max="8954" width="2.109375" style="1" customWidth="1"/>
    <col min="8955" max="8955" width="11.6640625" style="1" customWidth="1"/>
    <col min="8956" max="8957" width="2.109375" style="1" customWidth="1"/>
    <col min="8958" max="8958" width="5" style="1" customWidth="1"/>
    <col min="8959" max="8959" width="9" style="1"/>
    <col min="8960" max="8960" width="2.109375" style="1" customWidth="1"/>
    <col min="8961" max="8967" width="4.6640625" style="1" customWidth="1"/>
    <col min="8968" max="8968" width="5.109375" style="1" customWidth="1"/>
    <col min="8969" max="8972" width="4.6640625" style="1" customWidth="1"/>
    <col min="8973" max="9209" width="9" style="1"/>
    <col min="9210" max="9210" width="2.109375" style="1" customWidth="1"/>
    <col min="9211" max="9211" width="11.6640625" style="1" customWidth="1"/>
    <col min="9212" max="9213" width="2.109375" style="1" customWidth="1"/>
    <col min="9214" max="9214" width="5" style="1" customWidth="1"/>
    <col min="9215" max="9215" width="9" style="1"/>
    <col min="9216" max="9216" width="2.109375" style="1" customWidth="1"/>
    <col min="9217" max="9223" width="4.6640625" style="1" customWidth="1"/>
    <col min="9224" max="9224" width="5.109375" style="1" customWidth="1"/>
    <col min="9225" max="9228" width="4.6640625" style="1" customWidth="1"/>
    <col min="9229" max="9465" width="9" style="1"/>
    <col min="9466" max="9466" width="2.109375" style="1" customWidth="1"/>
    <col min="9467" max="9467" width="11.6640625" style="1" customWidth="1"/>
    <col min="9468" max="9469" width="2.109375" style="1" customWidth="1"/>
    <col min="9470" max="9470" width="5" style="1" customWidth="1"/>
    <col min="9471" max="9471" width="9" style="1"/>
    <col min="9472" max="9472" width="2.109375" style="1" customWidth="1"/>
    <col min="9473" max="9479" width="4.6640625" style="1" customWidth="1"/>
    <col min="9480" max="9480" width="5.109375" style="1" customWidth="1"/>
    <col min="9481" max="9484" width="4.6640625" style="1" customWidth="1"/>
    <col min="9485" max="9721" width="9" style="1"/>
    <col min="9722" max="9722" width="2.109375" style="1" customWidth="1"/>
    <col min="9723" max="9723" width="11.6640625" style="1" customWidth="1"/>
    <col min="9724" max="9725" width="2.109375" style="1" customWidth="1"/>
    <col min="9726" max="9726" width="5" style="1" customWidth="1"/>
    <col min="9727" max="9727" width="9" style="1"/>
    <col min="9728" max="9728" width="2.109375" style="1" customWidth="1"/>
    <col min="9729" max="9735" width="4.6640625" style="1" customWidth="1"/>
    <col min="9736" max="9736" width="5.109375" style="1" customWidth="1"/>
    <col min="9737" max="9740" width="4.6640625" style="1" customWidth="1"/>
    <col min="9741" max="9977" width="9" style="1"/>
    <col min="9978" max="9978" width="2.109375" style="1" customWidth="1"/>
    <col min="9979" max="9979" width="11.6640625" style="1" customWidth="1"/>
    <col min="9980" max="9981" width="2.109375" style="1" customWidth="1"/>
    <col min="9982" max="9982" width="5" style="1" customWidth="1"/>
    <col min="9983" max="9983" width="9" style="1"/>
    <col min="9984" max="9984" width="2.109375" style="1" customWidth="1"/>
    <col min="9985" max="9991" width="4.6640625" style="1" customWidth="1"/>
    <col min="9992" max="9992" width="5.109375" style="1" customWidth="1"/>
    <col min="9993" max="9996" width="4.6640625" style="1" customWidth="1"/>
    <col min="9997" max="10233" width="9" style="1"/>
    <col min="10234" max="10234" width="2.109375" style="1" customWidth="1"/>
    <col min="10235" max="10235" width="11.6640625" style="1" customWidth="1"/>
    <col min="10236" max="10237" width="2.109375" style="1" customWidth="1"/>
    <col min="10238" max="10238" width="5" style="1" customWidth="1"/>
    <col min="10239" max="10239" width="9" style="1"/>
    <col min="10240" max="10240" width="2.109375" style="1" customWidth="1"/>
    <col min="10241" max="10247" width="4.6640625" style="1" customWidth="1"/>
    <col min="10248" max="10248" width="5.109375" style="1" customWidth="1"/>
    <col min="10249" max="10252" width="4.6640625" style="1" customWidth="1"/>
    <col min="10253" max="10489" width="9" style="1"/>
    <col min="10490" max="10490" width="2.109375" style="1" customWidth="1"/>
    <col min="10491" max="10491" width="11.6640625" style="1" customWidth="1"/>
    <col min="10492" max="10493" width="2.109375" style="1" customWidth="1"/>
    <col min="10494" max="10494" width="5" style="1" customWidth="1"/>
    <col min="10495" max="10495" width="9" style="1"/>
    <col min="10496" max="10496" width="2.109375" style="1" customWidth="1"/>
    <col min="10497" max="10503" width="4.6640625" style="1" customWidth="1"/>
    <col min="10504" max="10504" width="5.109375" style="1" customWidth="1"/>
    <col min="10505" max="10508" width="4.6640625" style="1" customWidth="1"/>
    <col min="10509" max="10745" width="9" style="1"/>
    <col min="10746" max="10746" width="2.109375" style="1" customWidth="1"/>
    <col min="10747" max="10747" width="11.6640625" style="1" customWidth="1"/>
    <col min="10748" max="10749" width="2.109375" style="1" customWidth="1"/>
    <col min="10750" max="10750" width="5" style="1" customWidth="1"/>
    <col min="10751" max="10751" width="9" style="1"/>
    <col min="10752" max="10752" width="2.109375" style="1" customWidth="1"/>
    <col min="10753" max="10759" width="4.6640625" style="1" customWidth="1"/>
    <col min="10760" max="10760" width="5.109375" style="1" customWidth="1"/>
    <col min="10761" max="10764" width="4.6640625" style="1" customWidth="1"/>
    <col min="10765" max="11001" width="9" style="1"/>
    <col min="11002" max="11002" width="2.109375" style="1" customWidth="1"/>
    <col min="11003" max="11003" width="11.6640625" style="1" customWidth="1"/>
    <col min="11004" max="11005" width="2.109375" style="1" customWidth="1"/>
    <col min="11006" max="11006" width="5" style="1" customWidth="1"/>
    <col min="11007" max="11007" width="9" style="1"/>
    <col min="11008" max="11008" width="2.109375" style="1" customWidth="1"/>
    <col min="11009" max="11015" width="4.6640625" style="1" customWidth="1"/>
    <col min="11016" max="11016" width="5.109375" style="1" customWidth="1"/>
    <col min="11017" max="11020" width="4.6640625" style="1" customWidth="1"/>
    <col min="11021" max="11257" width="9" style="1"/>
    <col min="11258" max="11258" width="2.109375" style="1" customWidth="1"/>
    <col min="11259" max="11259" width="11.6640625" style="1" customWidth="1"/>
    <col min="11260" max="11261" width="2.109375" style="1" customWidth="1"/>
    <col min="11262" max="11262" width="5" style="1" customWidth="1"/>
    <col min="11263" max="11263" width="9" style="1"/>
    <col min="11264" max="11264" width="2.109375" style="1" customWidth="1"/>
    <col min="11265" max="11271" width="4.6640625" style="1" customWidth="1"/>
    <col min="11272" max="11272" width="5.109375" style="1" customWidth="1"/>
    <col min="11273" max="11276" width="4.6640625" style="1" customWidth="1"/>
    <col min="11277" max="11513" width="9" style="1"/>
    <col min="11514" max="11514" width="2.109375" style="1" customWidth="1"/>
    <col min="11515" max="11515" width="11.6640625" style="1" customWidth="1"/>
    <col min="11516" max="11517" width="2.109375" style="1" customWidth="1"/>
    <col min="11518" max="11518" width="5" style="1" customWidth="1"/>
    <col min="11519" max="11519" width="9" style="1"/>
    <col min="11520" max="11520" width="2.109375" style="1" customWidth="1"/>
    <col min="11521" max="11527" width="4.6640625" style="1" customWidth="1"/>
    <col min="11528" max="11528" width="5.109375" style="1" customWidth="1"/>
    <col min="11529" max="11532" width="4.6640625" style="1" customWidth="1"/>
    <col min="11533" max="11769" width="9" style="1"/>
    <col min="11770" max="11770" width="2.109375" style="1" customWidth="1"/>
    <col min="11771" max="11771" width="11.6640625" style="1" customWidth="1"/>
    <col min="11772" max="11773" width="2.109375" style="1" customWidth="1"/>
    <col min="11774" max="11774" width="5" style="1" customWidth="1"/>
    <col min="11775" max="11775" width="9" style="1"/>
    <col min="11776" max="11776" width="2.109375" style="1" customWidth="1"/>
    <col min="11777" max="11783" width="4.6640625" style="1" customWidth="1"/>
    <col min="11784" max="11784" width="5.109375" style="1" customWidth="1"/>
    <col min="11785" max="11788" width="4.6640625" style="1" customWidth="1"/>
    <col min="11789" max="12025" width="9" style="1"/>
    <col min="12026" max="12026" width="2.109375" style="1" customWidth="1"/>
    <col min="12027" max="12027" width="11.6640625" style="1" customWidth="1"/>
    <col min="12028" max="12029" width="2.109375" style="1" customWidth="1"/>
    <col min="12030" max="12030" width="5" style="1" customWidth="1"/>
    <col min="12031" max="12031" width="9" style="1"/>
    <col min="12032" max="12032" width="2.109375" style="1" customWidth="1"/>
    <col min="12033" max="12039" width="4.6640625" style="1" customWidth="1"/>
    <col min="12040" max="12040" width="5.109375" style="1" customWidth="1"/>
    <col min="12041" max="12044" width="4.6640625" style="1" customWidth="1"/>
    <col min="12045" max="12281" width="9" style="1"/>
    <col min="12282" max="12282" width="2.109375" style="1" customWidth="1"/>
    <col min="12283" max="12283" width="11.6640625" style="1" customWidth="1"/>
    <col min="12284" max="12285" width="2.109375" style="1" customWidth="1"/>
    <col min="12286" max="12286" width="5" style="1" customWidth="1"/>
    <col min="12287" max="12287" width="9" style="1"/>
    <col min="12288" max="12288" width="2.109375" style="1" customWidth="1"/>
    <col min="12289" max="12295" width="4.6640625" style="1" customWidth="1"/>
    <col min="12296" max="12296" width="5.109375" style="1" customWidth="1"/>
    <col min="12297" max="12300" width="4.6640625" style="1" customWidth="1"/>
    <col min="12301" max="12537" width="9" style="1"/>
    <col min="12538" max="12538" width="2.109375" style="1" customWidth="1"/>
    <col min="12539" max="12539" width="11.6640625" style="1" customWidth="1"/>
    <col min="12540" max="12541" width="2.109375" style="1" customWidth="1"/>
    <col min="12542" max="12542" width="5" style="1" customWidth="1"/>
    <col min="12543" max="12543" width="9" style="1"/>
    <col min="12544" max="12544" width="2.109375" style="1" customWidth="1"/>
    <col min="12545" max="12551" width="4.6640625" style="1" customWidth="1"/>
    <col min="12552" max="12552" width="5.109375" style="1" customWidth="1"/>
    <col min="12553" max="12556" width="4.6640625" style="1" customWidth="1"/>
    <col min="12557" max="12793" width="9" style="1"/>
    <col min="12794" max="12794" width="2.109375" style="1" customWidth="1"/>
    <col min="12795" max="12795" width="11.6640625" style="1" customWidth="1"/>
    <col min="12796" max="12797" width="2.109375" style="1" customWidth="1"/>
    <col min="12798" max="12798" width="5" style="1" customWidth="1"/>
    <col min="12799" max="12799" width="9" style="1"/>
    <col min="12800" max="12800" width="2.109375" style="1" customWidth="1"/>
    <col min="12801" max="12807" width="4.6640625" style="1" customWidth="1"/>
    <col min="12808" max="12808" width="5.109375" style="1" customWidth="1"/>
    <col min="12809" max="12812" width="4.6640625" style="1" customWidth="1"/>
    <col min="12813" max="13049" width="9" style="1"/>
    <col min="13050" max="13050" width="2.109375" style="1" customWidth="1"/>
    <col min="13051" max="13051" width="11.6640625" style="1" customWidth="1"/>
    <col min="13052" max="13053" width="2.109375" style="1" customWidth="1"/>
    <col min="13054" max="13054" width="5" style="1" customWidth="1"/>
    <col min="13055" max="13055" width="9" style="1"/>
    <col min="13056" max="13056" width="2.109375" style="1" customWidth="1"/>
    <col min="13057" max="13063" width="4.6640625" style="1" customWidth="1"/>
    <col min="13064" max="13064" width="5.109375" style="1" customWidth="1"/>
    <col min="13065" max="13068" width="4.6640625" style="1" customWidth="1"/>
    <col min="13069" max="13305" width="9" style="1"/>
    <col min="13306" max="13306" width="2.109375" style="1" customWidth="1"/>
    <col min="13307" max="13307" width="11.6640625" style="1" customWidth="1"/>
    <col min="13308" max="13309" width="2.109375" style="1" customWidth="1"/>
    <col min="13310" max="13310" width="5" style="1" customWidth="1"/>
    <col min="13311" max="13311" width="9" style="1"/>
    <col min="13312" max="13312" width="2.109375" style="1" customWidth="1"/>
    <col min="13313" max="13319" width="4.6640625" style="1" customWidth="1"/>
    <col min="13320" max="13320" width="5.109375" style="1" customWidth="1"/>
    <col min="13321" max="13324" width="4.6640625" style="1" customWidth="1"/>
    <col min="13325" max="13561" width="9" style="1"/>
    <col min="13562" max="13562" width="2.109375" style="1" customWidth="1"/>
    <col min="13563" max="13563" width="11.6640625" style="1" customWidth="1"/>
    <col min="13564" max="13565" width="2.109375" style="1" customWidth="1"/>
    <col min="13566" max="13566" width="5" style="1" customWidth="1"/>
    <col min="13567" max="13567" width="9" style="1"/>
    <col min="13568" max="13568" width="2.109375" style="1" customWidth="1"/>
    <col min="13569" max="13575" width="4.6640625" style="1" customWidth="1"/>
    <col min="13576" max="13576" width="5.109375" style="1" customWidth="1"/>
    <col min="13577" max="13580" width="4.6640625" style="1" customWidth="1"/>
    <col min="13581" max="13817" width="9" style="1"/>
    <col min="13818" max="13818" width="2.109375" style="1" customWidth="1"/>
    <col min="13819" max="13819" width="11.6640625" style="1" customWidth="1"/>
    <col min="13820" max="13821" width="2.109375" style="1" customWidth="1"/>
    <col min="13822" max="13822" width="5" style="1" customWidth="1"/>
    <col min="13823" max="13823" width="9" style="1"/>
    <col min="13824" max="13824" width="2.109375" style="1" customWidth="1"/>
    <col min="13825" max="13831" width="4.6640625" style="1" customWidth="1"/>
    <col min="13832" max="13832" width="5.109375" style="1" customWidth="1"/>
    <col min="13833" max="13836" width="4.6640625" style="1" customWidth="1"/>
    <col min="13837" max="14073" width="9" style="1"/>
    <col min="14074" max="14074" width="2.109375" style="1" customWidth="1"/>
    <col min="14075" max="14075" width="11.6640625" style="1" customWidth="1"/>
    <col min="14076" max="14077" width="2.109375" style="1" customWidth="1"/>
    <col min="14078" max="14078" width="5" style="1" customWidth="1"/>
    <col min="14079" max="14079" width="9" style="1"/>
    <col min="14080" max="14080" width="2.109375" style="1" customWidth="1"/>
    <col min="14081" max="14087" width="4.6640625" style="1" customWidth="1"/>
    <col min="14088" max="14088" width="5.109375" style="1" customWidth="1"/>
    <col min="14089" max="14092" width="4.6640625" style="1" customWidth="1"/>
    <col min="14093" max="14329" width="9" style="1"/>
    <col min="14330" max="14330" width="2.109375" style="1" customWidth="1"/>
    <col min="14331" max="14331" width="11.6640625" style="1" customWidth="1"/>
    <col min="14332" max="14333" width="2.109375" style="1" customWidth="1"/>
    <col min="14334" max="14334" width="5" style="1" customWidth="1"/>
    <col min="14335" max="14335" width="9" style="1"/>
    <col min="14336" max="14336" width="2.109375" style="1" customWidth="1"/>
    <col min="14337" max="14343" width="4.6640625" style="1" customWidth="1"/>
    <col min="14344" max="14344" width="5.109375" style="1" customWidth="1"/>
    <col min="14345" max="14348" width="4.6640625" style="1" customWidth="1"/>
    <col min="14349" max="14585" width="9" style="1"/>
    <col min="14586" max="14586" width="2.109375" style="1" customWidth="1"/>
    <col min="14587" max="14587" width="11.6640625" style="1" customWidth="1"/>
    <col min="14588" max="14589" width="2.109375" style="1" customWidth="1"/>
    <col min="14590" max="14590" width="5" style="1" customWidth="1"/>
    <col min="14591" max="14591" width="9" style="1"/>
    <col min="14592" max="14592" width="2.109375" style="1" customWidth="1"/>
    <col min="14593" max="14599" width="4.6640625" style="1" customWidth="1"/>
    <col min="14600" max="14600" width="5.109375" style="1" customWidth="1"/>
    <col min="14601" max="14604" width="4.6640625" style="1" customWidth="1"/>
    <col min="14605" max="14841" width="9" style="1"/>
    <col min="14842" max="14842" width="2.109375" style="1" customWidth="1"/>
    <col min="14843" max="14843" width="11.6640625" style="1" customWidth="1"/>
    <col min="14844" max="14845" width="2.109375" style="1" customWidth="1"/>
    <col min="14846" max="14846" width="5" style="1" customWidth="1"/>
    <col min="14847" max="14847" width="9" style="1"/>
    <col min="14848" max="14848" width="2.109375" style="1" customWidth="1"/>
    <col min="14849" max="14855" width="4.6640625" style="1" customWidth="1"/>
    <col min="14856" max="14856" width="5.109375" style="1" customWidth="1"/>
    <col min="14857" max="14860" width="4.6640625" style="1" customWidth="1"/>
    <col min="14861" max="15097" width="9" style="1"/>
    <col min="15098" max="15098" width="2.109375" style="1" customWidth="1"/>
    <col min="15099" max="15099" width="11.6640625" style="1" customWidth="1"/>
    <col min="15100" max="15101" width="2.109375" style="1" customWidth="1"/>
    <col min="15102" max="15102" width="5" style="1" customWidth="1"/>
    <col min="15103" max="15103" width="9" style="1"/>
    <col min="15104" max="15104" width="2.109375" style="1" customWidth="1"/>
    <col min="15105" max="15111" width="4.6640625" style="1" customWidth="1"/>
    <col min="15112" max="15112" width="5.109375" style="1" customWidth="1"/>
    <col min="15113" max="15116" width="4.6640625" style="1" customWidth="1"/>
    <col min="15117" max="15353" width="9" style="1"/>
    <col min="15354" max="15354" width="2.109375" style="1" customWidth="1"/>
    <col min="15355" max="15355" width="11.6640625" style="1" customWidth="1"/>
    <col min="15356" max="15357" width="2.109375" style="1" customWidth="1"/>
    <col min="15358" max="15358" width="5" style="1" customWidth="1"/>
    <col min="15359" max="15359" width="9" style="1"/>
    <col min="15360" max="15360" width="2.109375" style="1" customWidth="1"/>
    <col min="15361" max="15367" width="4.6640625" style="1" customWidth="1"/>
    <col min="15368" max="15368" width="5.109375" style="1" customWidth="1"/>
    <col min="15369" max="15372" width="4.6640625" style="1" customWidth="1"/>
    <col min="15373" max="15609" width="9" style="1"/>
    <col min="15610" max="15610" width="2.109375" style="1" customWidth="1"/>
    <col min="15611" max="15611" width="11.6640625" style="1" customWidth="1"/>
    <col min="15612" max="15613" width="2.109375" style="1" customWidth="1"/>
    <col min="15614" max="15614" width="5" style="1" customWidth="1"/>
    <col min="15615" max="15615" width="9" style="1"/>
    <col min="15616" max="15616" width="2.109375" style="1" customWidth="1"/>
    <col min="15617" max="15623" width="4.6640625" style="1" customWidth="1"/>
    <col min="15624" max="15624" width="5.109375" style="1" customWidth="1"/>
    <col min="15625" max="15628" width="4.6640625" style="1" customWidth="1"/>
    <col min="15629" max="15865" width="9" style="1"/>
    <col min="15866" max="15866" width="2.109375" style="1" customWidth="1"/>
    <col min="15867" max="15867" width="11.6640625" style="1" customWidth="1"/>
    <col min="15868" max="15869" width="2.109375" style="1" customWidth="1"/>
    <col min="15870" max="15870" width="5" style="1" customWidth="1"/>
    <col min="15871" max="15871" width="9" style="1"/>
    <col min="15872" max="15872" width="2.109375" style="1" customWidth="1"/>
    <col min="15873" max="15879" width="4.6640625" style="1" customWidth="1"/>
    <col min="15880" max="15880" width="5.109375" style="1" customWidth="1"/>
    <col min="15881" max="15884" width="4.6640625" style="1" customWidth="1"/>
    <col min="15885" max="16121" width="9" style="1"/>
    <col min="16122" max="16122" width="2.109375" style="1" customWidth="1"/>
    <col min="16123" max="16123" width="11.6640625" style="1" customWidth="1"/>
    <col min="16124" max="16125" width="2.109375" style="1" customWidth="1"/>
    <col min="16126" max="16126" width="5" style="1" customWidth="1"/>
    <col min="16127" max="16127" width="9" style="1"/>
    <col min="16128" max="16128" width="2.109375" style="1" customWidth="1"/>
    <col min="16129" max="16135" width="4.6640625" style="1" customWidth="1"/>
    <col min="16136" max="16136" width="5.109375" style="1" customWidth="1"/>
    <col min="16137" max="16140" width="4.6640625" style="1" customWidth="1"/>
    <col min="16141" max="16384" width="9" style="1"/>
  </cols>
  <sheetData>
    <row r="1" spans="1:12" x14ac:dyDescent="0.2">
      <c r="A1" s="1" t="s">
        <v>0</v>
      </c>
    </row>
    <row r="2" spans="1:12" ht="16.2" x14ac:dyDescent="0.2">
      <c r="A2" s="27" t="s">
        <v>1</v>
      </c>
      <c r="B2" s="27"/>
      <c r="C2" s="27"/>
      <c r="D2" s="27"/>
      <c r="E2" s="27"/>
      <c r="F2" s="27"/>
      <c r="G2" s="27"/>
      <c r="H2" s="27"/>
      <c r="I2" s="27"/>
      <c r="J2" s="27"/>
      <c r="K2" s="27"/>
      <c r="L2" s="27"/>
    </row>
    <row r="4" spans="1:12" ht="14.4" x14ac:dyDescent="0.2">
      <c r="J4" s="2" t="s">
        <v>81</v>
      </c>
      <c r="K4" s="3"/>
      <c r="L4" s="3"/>
    </row>
    <row r="5" spans="1:12" ht="14.4" x14ac:dyDescent="0.2">
      <c r="J5" s="2" t="s">
        <v>82</v>
      </c>
      <c r="K5" s="3"/>
      <c r="L5" s="3"/>
    </row>
    <row r="7" spans="1:12" x14ac:dyDescent="0.2">
      <c r="G7" s="4" t="s">
        <v>2</v>
      </c>
      <c r="H7" s="1" t="s">
        <v>3</v>
      </c>
      <c r="J7" s="5" t="s">
        <v>4</v>
      </c>
      <c r="K7" s="1" t="s">
        <v>3</v>
      </c>
    </row>
    <row r="8" spans="1:12" x14ac:dyDescent="0.2">
      <c r="D8" s="6"/>
      <c r="E8" s="7"/>
      <c r="H8" s="1" t="s">
        <v>5</v>
      </c>
      <c r="K8" s="1" t="s">
        <v>6</v>
      </c>
    </row>
    <row r="9" spans="1:12" ht="15" customHeight="1" x14ac:dyDescent="0.2">
      <c r="A9" s="8"/>
      <c r="B9" s="9" t="s">
        <v>7</v>
      </c>
      <c r="C9" s="10"/>
      <c r="D9" s="11"/>
      <c r="E9" s="12" t="s">
        <v>8</v>
      </c>
      <c r="F9" s="13"/>
      <c r="G9" s="28" t="s">
        <v>9</v>
      </c>
      <c r="H9" s="28"/>
      <c r="I9" s="28"/>
      <c r="J9" s="29" t="s">
        <v>9</v>
      </c>
      <c r="K9" s="28"/>
      <c r="L9" s="28"/>
    </row>
    <row r="10" spans="1:12" ht="15" customHeight="1" x14ac:dyDescent="0.2">
      <c r="A10" s="14"/>
      <c r="B10" s="15" t="s">
        <v>10</v>
      </c>
      <c r="C10" s="16"/>
      <c r="D10" s="17"/>
      <c r="E10" s="3" t="s">
        <v>11</v>
      </c>
      <c r="F10" s="18"/>
      <c r="G10" s="19" t="s">
        <v>12</v>
      </c>
      <c r="H10" s="19" t="s">
        <v>13</v>
      </c>
      <c r="I10" s="19" t="s">
        <v>14</v>
      </c>
      <c r="J10" s="20" t="s">
        <v>12</v>
      </c>
      <c r="K10" s="19" t="s">
        <v>13</v>
      </c>
      <c r="L10" s="19" t="s">
        <v>14</v>
      </c>
    </row>
    <row r="11" spans="1:12" ht="21" customHeight="1" x14ac:dyDescent="0.2">
      <c r="A11" s="21"/>
      <c r="B11" s="22" t="s">
        <v>15</v>
      </c>
      <c r="C11" s="22"/>
      <c r="D11" s="21"/>
      <c r="E11" s="22" t="s">
        <v>49</v>
      </c>
      <c r="F11" s="23"/>
      <c r="G11" s="24">
        <v>5</v>
      </c>
      <c r="H11" s="24">
        <v>4</v>
      </c>
      <c r="I11" s="24">
        <v>22</v>
      </c>
      <c r="J11" s="25">
        <v>5</v>
      </c>
      <c r="K11" s="24">
        <v>4</v>
      </c>
      <c r="L11" s="19">
        <v>29</v>
      </c>
    </row>
    <row r="12" spans="1:12" ht="21" customHeight="1" x14ac:dyDescent="0.2">
      <c r="A12" s="21"/>
      <c r="B12" s="22" t="s">
        <v>16</v>
      </c>
      <c r="C12" s="22"/>
      <c r="D12" s="21"/>
      <c r="E12" s="22" t="s">
        <v>83</v>
      </c>
      <c r="F12" s="23"/>
      <c r="G12" s="24">
        <v>7</v>
      </c>
      <c r="H12" s="24">
        <v>8</v>
      </c>
      <c r="I12" s="24">
        <v>29</v>
      </c>
      <c r="J12" s="25">
        <v>5</v>
      </c>
      <c r="K12" s="24">
        <v>4</v>
      </c>
      <c r="L12" s="19">
        <v>29</v>
      </c>
    </row>
    <row r="13" spans="1:12" ht="21" customHeight="1" x14ac:dyDescent="0.2">
      <c r="A13" s="21"/>
      <c r="B13" s="22" t="s">
        <v>17</v>
      </c>
      <c r="C13" s="22"/>
      <c r="D13" s="21"/>
      <c r="E13" s="22" t="s">
        <v>50</v>
      </c>
      <c r="F13" s="23"/>
      <c r="G13" s="24">
        <v>3</v>
      </c>
      <c r="H13" s="24">
        <v>11</v>
      </c>
      <c r="I13" s="24">
        <v>18</v>
      </c>
      <c r="J13" s="25">
        <v>5</v>
      </c>
      <c r="K13" s="24">
        <v>5</v>
      </c>
      <c r="L13" s="19">
        <v>2</v>
      </c>
    </row>
    <row r="14" spans="1:12" ht="21" customHeight="1" x14ac:dyDescent="0.2">
      <c r="A14" s="21"/>
      <c r="B14" s="22" t="s">
        <v>18</v>
      </c>
      <c r="C14" s="22"/>
      <c r="D14" s="21"/>
      <c r="E14" s="22" t="s">
        <v>51</v>
      </c>
      <c r="F14" s="23"/>
      <c r="G14" s="24">
        <v>5</v>
      </c>
      <c r="H14" s="24">
        <v>4</v>
      </c>
      <c r="I14" s="24">
        <v>21</v>
      </c>
      <c r="J14" s="25">
        <v>5</v>
      </c>
      <c r="K14" s="24">
        <v>4</v>
      </c>
      <c r="L14" s="19">
        <v>29</v>
      </c>
    </row>
    <row r="15" spans="1:12" ht="21" customHeight="1" x14ac:dyDescent="0.2">
      <c r="A15" s="21"/>
      <c r="B15" s="22" t="s">
        <v>19</v>
      </c>
      <c r="C15" s="22"/>
      <c r="D15" s="21"/>
      <c r="E15" s="22" t="s">
        <v>52</v>
      </c>
      <c r="F15" s="23"/>
      <c r="G15" s="24">
        <v>7</v>
      </c>
      <c r="H15" s="24">
        <v>7</v>
      </c>
      <c r="I15" s="24">
        <v>9</v>
      </c>
      <c r="J15" s="25">
        <v>5</v>
      </c>
      <c r="K15" s="24">
        <v>5</v>
      </c>
      <c r="L15" s="19">
        <v>1</v>
      </c>
    </row>
    <row r="16" spans="1:12" ht="21" customHeight="1" x14ac:dyDescent="0.2">
      <c r="A16" s="21"/>
      <c r="B16" s="22" t="s">
        <v>20</v>
      </c>
      <c r="C16" s="22"/>
      <c r="D16" s="21"/>
      <c r="E16" s="22" t="s">
        <v>53</v>
      </c>
      <c r="F16" s="23"/>
      <c r="G16" s="24">
        <v>5</v>
      </c>
      <c r="H16" s="24">
        <v>4</v>
      </c>
      <c r="I16" s="24">
        <v>29</v>
      </c>
      <c r="J16" s="25">
        <v>5</v>
      </c>
      <c r="K16" s="24">
        <v>4</v>
      </c>
      <c r="L16" s="19">
        <v>30</v>
      </c>
    </row>
    <row r="17" spans="1:12" ht="21" customHeight="1" x14ac:dyDescent="0.2">
      <c r="A17" s="21"/>
      <c r="B17" s="22" t="s">
        <v>21</v>
      </c>
      <c r="C17" s="22"/>
      <c r="D17" s="21"/>
      <c r="E17" s="22" t="s">
        <v>54</v>
      </c>
      <c r="F17" s="23"/>
      <c r="G17" s="24">
        <v>7</v>
      </c>
      <c r="H17" s="24">
        <v>10</v>
      </c>
      <c r="I17" s="24">
        <v>31</v>
      </c>
      <c r="J17" s="25">
        <v>7</v>
      </c>
      <c r="K17" s="24">
        <v>5</v>
      </c>
      <c r="L17" s="19">
        <v>14</v>
      </c>
    </row>
    <row r="18" spans="1:12" ht="21" customHeight="1" x14ac:dyDescent="0.2">
      <c r="A18" s="21"/>
      <c r="B18" s="22" t="s">
        <v>22</v>
      </c>
      <c r="C18" s="22"/>
      <c r="D18" s="21"/>
      <c r="E18" s="22" t="s">
        <v>55</v>
      </c>
      <c r="F18" s="23"/>
      <c r="G18" s="24">
        <v>6</v>
      </c>
      <c r="H18" s="24">
        <v>2</v>
      </c>
      <c r="I18" s="24">
        <v>25</v>
      </c>
      <c r="J18" s="25">
        <v>5</v>
      </c>
      <c r="K18" s="24">
        <v>4</v>
      </c>
      <c r="L18" s="19">
        <v>30</v>
      </c>
    </row>
    <row r="19" spans="1:12" ht="21" customHeight="1" x14ac:dyDescent="0.2">
      <c r="A19" s="21"/>
      <c r="B19" s="22" t="s">
        <v>23</v>
      </c>
      <c r="C19" s="22"/>
      <c r="D19" s="21"/>
      <c r="E19" s="22" t="s">
        <v>56</v>
      </c>
      <c r="F19" s="22"/>
      <c r="G19" s="24">
        <v>6</v>
      </c>
      <c r="H19" s="24">
        <v>5</v>
      </c>
      <c r="I19" s="24">
        <v>23</v>
      </c>
      <c r="J19" s="25">
        <v>5</v>
      </c>
      <c r="K19" s="24">
        <v>4</v>
      </c>
      <c r="L19" s="19">
        <v>30</v>
      </c>
    </row>
    <row r="20" spans="1:12" ht="21" customHeight="1" x14ac:dyDescent="0.2">
      <c r="A20" s="21"/>
      <c r="B20" s="22" t="s">
        <v>24</v>
      </c>
      <c r="C20" s="22"/>
      <c r="D20" s="21"/>
      <c r="E20" s="22" t="s">
        <v>57</v>
      </c>
      <c r="F20" s="22"/>
      <c r="G20" s="24">
        <v>4</v>
      </c>
      <c r="H20" s="24">
        <v>11</v>
      </c>
      <c r="I20" s="24">
        <v>17</v>
      </c>
      <c r="J20" s="25">
        <v>5</v>
      </c>
      <c r="K20" s="24">
        <v>4</v>
      </c>
      <c r="L20" s="19">
        <v>30</v>
      </c>
    </row>
    <row r="21" spans="1:12" ht="21" customHeight="1" x14ac:dyDescent="0.2">
      <c r="A21" s="21"/>
      <c r="B21" s="22" t="s">
        <v>25</v>
      </c>
      <c r="C21" s="22"/>
      <c r="D21" s="21"/>
      <c r="E21" s="22" t="s">
        <v>58</v>
      </c>
      <c r="F21" s="22"/>
      <c r="G21" s="24">
        <v>4</v>
      </c>
      <c r="H21" s="24">
        <v>12</v>
      </c>
      <c r="I21" s="24">
        <v>24</v>
      </c>
      <c r="J21" s="25">
        <v>4</v>
      </c>
      <c r="K21" s="24">
        <v>4</v>
      </c>
      <c r="L21" s="19">
        <v>5</v>
      </c>
    </row>
    <row r="22" spans="1:12" ht="21" customHeight="1" x14ac:dyDescent="0.2">
      <c r="A22" s="21"/>
      <c r="B22" s="22" t="s">
        <v>26</v>
      </c>
      <c r="C22" s="22"/>
      <c r="D22" s="21"/>
      <c r="E22" s="22" t="s">
        <v>59</v>
      </c>
      <c r="F22" s="22"/>
      <c r="G22" s="24">
        <v>7</v>
      </c>
      <c r="H22" s="24">
        <v>6</v>
      </c>
      <c r="I22" s="24">
        <v>28</v>
      </c>
      <c r="J22" s="25">
        <v>5</v>
      </c>
      <c r="K22" s="24">
        <v>4</v>
      </c>
      <c r="L22" s="19">
        <v>30</v>
      </c>
    </row>
    <row r="23" spans="1:12" ht="21" customHeight="1" x14ac:dyDescent="0.2">
      <c r="A23" s="21"/>
      <c r="B23" s="22" t="s">
        <v>27</v>
      </c>
      <c r="C23" s="22"/>
      <c r="D23" s="21"/>
      <c r="E23" s="22" t="s">
        <v>60</v>
      </c>
      <c r="F23" s="22"/>
      <c r="G23" s="24">
        <v>4</v>
      </c>
      <c r="H23" s="24">
        <v>1</v>
      </c>
      <c r="I23" s="24">
        <v>30</v>
      </c>
      <c r="J23" s="25">
        <v>5</v>
      </c>
      <c r="K23" s="24">
        <v>9</v>
      </c>
      <c r="L23" s="19">
        <v>10</v>
      </c>
    </row>
    <row r="24" spans="1:12" ht="21" customHeight="1" x14ac:dyDescent="0.2">
      <c r="A24" s="21"/>
      <c r="B24" s="22" t="s">
        <v>28</v>
      </c>
      <c r="C24" s="22"/>
      <c r="D24" s="21"/>
      <c r="E24" s="22" t="s">
        <v>61</v>
      </c>
      <c r="F24" s="22"/>
      <c r="G24" s="24">
        <v>5</v>
      </c>
      <c r="H24" s="24">
        <v>2</v>
      </c>
      <c r="I24" s="24">
        <v>22</v>
      </c>
      <c r="J24" s="25">
        <v>5</v>
      </c>
      <c r="K24" s="24">
        <v>7</v>
      </c>
      <c r="L24" s="19">
        <v>31</v>
      </c>
    </row>
    <row r="25" spans="1:12" ht="21" customHeight="1" x14ac:dyDescent="0.2">
      <c r="A25" s="21"/>
      <c r="B25" s="22" t="s">
        <v>29</v>
      </c>
      <c r="C25" s="22"/>
      <c r="D25" s="21"/>
      <c r="E25" s="22" t="s">
        <v>62</v>
      </c>
      <c r="F25" s="22"/>
      <c r="G25" s="24">
        <v>5</v>
      </c>
      <c r="H25" s="24">
        <v>5</v>
      </c>
      <c r="I25" s="24">
        <v>1</v>
      </c>
      <c r="J25" s="25">
        <v>5</v>
      </c>
      <c r="K25" s="24">
        <v>5</v>
      </c>
      <c r="L25" s="19">
        <v>3</v>
      </c>
    </row>
    <row r="26" spans="1:12" ht="21" customHeight="1" x14ac:dyDescent="0.2">
      <c r="A26" s="21"/>
      <c r="B26" s="22" t="s">
        <v>30</v>
      </c>
      <c r="C26" s="22"/>
      <c r="D26" s="21"/>
      <c r="E26" s="22" t="s">
        <v>63</v>
      </c>
      <c r="F26" s="22"/>
      <c r="G26" s="24">
        <v>6</v>
      </c>
      <c r="H26" s="24">
        <v>9</v>
      </c>
      <c r="I26" s="24">
        <v>30</v>
      </c>
      <c r="J26" s="25">
        <v>5</v>
      </c>
      <c r="K26" s="24">
        <v>4</v>
      </c>
      <c r="L26" s="19">
        <v>29</v>
      </c>
    </row>
    <row r="27" spans="1:12" ht="21" customHeight="1" x14ac:dyDescent="0.2">
      <c r="A27" s="21"/>
      <c r="B27" s="22" t="s">
        <v>31</v>
      </c>
      <c r="C27" s="22"/>
      <c r="D27" s="21"/>
      <c r="E27" s="22" t="s">
        <v>64</v>
      </c>
      <c r="F27" s="22"/>
      <c r="G27" s="24">
        <v>5</v>
      </c>
      <c r="H27" s="24">
        <v>12</v>
      </c>
      <c r="I27" s="24">
        <v>23</v>
      </c>
      <c r="J27" s="25">
        <v>5</v>
      </c>
      <c r="K27" s="24">
        <v>11</v>
      </c>
      <c r="L27" s="19">
        <v>14</v>
      </c>
    </row>
    <row r="28" spans="1:12" ht="21" customHeight="1" x14ac:dyDescent="0.2">
      <c r="A28" s="21"/>
      <c r="B28" s="22" t="s">
        <v>32</v>
      </c>
      <c r="C28" s="22"/>
      <c r="D28" s="21"/>
      <c r="E28" s="22" t="s">
        <v>65</v>
      </c>
      <c r="F28" s="22"/>
      <c r="G28" s="24">
        <v>6</v>
      </c>
      <c r="H28" s="24">
        <v>9</v>
      </c>
      <c r="I28" s="24">
        <v>30</v>
      </c>
      <c r="J28" s="25">
        <v>6</v>
      </c>
      <c r="K28" s="24">
        <v>9</v>
      </c>
      <c r="L28" s="19">
        <v>30</v>
      </c>
    </row>
    <row r="29" spans="1:12" ht="21" customHeight="1" x14ac:dyDescent="0.2">
      <c r="A29" s="21"/>
      <c r="B29" s="22" t="s">
        <v>33</v>
      </c>
      <c r="C29" s="22"/>
      <c r="D29" s="21"/>
      <c r="E29" s="22" t="s">
        <v>66</v>
      </c>
      <c r="F29" s="22"/>
      <c r="G29" s="24">
        <v>5</v>
      </c>
      <c r="H29" s="24">
        <v>4</v>
      </c>
      <c r="I29" s="24">
        <v>29</v>
      </c>
      <c r="J29" s="25">
        <v>5</v>
      </c>
      <c r="K29" s="24">
        <v>4</v>
      </c>
      <c r="L29" s="19">
        <v>29</v>
      </c>
    </row>
    <row r="30" spans="1:12" ht="21" customHeight="1" x14ac:dyDescent="0.2">
      <c r="A30" s="21"/>
      <c r="B30" s="22" t="s">
        <v>34</v>
      </c>
      <c r="C30" s="22"/>
      <c r="D30" s="21"/>
      <c r="E30" s="22" t="s">
        <v>67</v>
      </c>
      <c r="F30" s="22"/>
      <c r="G30" s="24">
        <v>6</v>
      </c>
      <c r="H30" s="24">
        <v>7</v>
      </c>
      <c r="I30" s="24">
        <v>24</v>
      </c>
      <c r="J30" s="25">
        <v>5</v>
      </c>
      <c r="K30" s="24">
        <v>4</v>
      </c>
      <c r="L30" s="19">
        <v>29</v>
      </c>
    </row>
    <row r="31" spans="1:12" ht="21" customHeight="1" x14ac:dyDescent="0.2">
      <c r="A31" s="21"/>
      <c r="B31" s="22" t="s">
        <v>35</v>
      </c>
      <c r="C31" s="22"/>
      <c r="D31" s="21"/>
      <c r="E31" s="22" t="s">
        <v>68</v>
      </c>
      <c r="F31" s="22"/>
      <c r="G31" s="24">
        <v>6</v>
      </c>
      <c r="H31" s="24">
        <v>1</v>
      </c>
      <c r="I31" s="24">
        <v>19</v>
      </c>
      <c r="J31" s="25">
        <v>5</v>
      </c>
      <c r="K31" s="24">
        <v>4</v>
      </c>
      <c r="L31" s="19">
        <v>30</v>
      </c>
    </row>
    <row r="32" spans="1:12" ht="21" customHeight="1" x14ac:dyDescent="0.2">
      <c r="A32" s="21"/>
      <c r="B32" s="22" t="s">
        <v>36</v>
      </c>
      <c r="C32" s="22"/>
      <c r="D32" s="21"/>
      <c r="E32" s="22" t="s">
        <v>69</v>
      </c>
      <c r="F32" s="22"/>
      <c r="G32" s="24">
        <v>5</v>
      </c>
      <c r="H32" s="24">
        <v>9</v>
      </c>
      <c r="I32" s="24">
        <v>10</v>
      </c>
      <c r="J32" s="25">
        <v>7</v>
      </c>
      <c r="K32" s="24">
        <v>2</v>
      </c>
      <c r="L32" s="19">
        <v>24</v>
      </c>
    </row>
    <row r="33" spans="1:12" ht="21" customHeight="1" x14ac:dyDescent="0.2">
      <c r="A33" s="21"/>
      <c r="B33" s="22" t="s">
        <v>37</v>
      </c>
      <c r="C33" s="22"/>
      <c r="D33" s="21"/>
      <c r="E33" s="22" t="s">
        <v>70</v>
      </c>
      <c r="F33" s="22"/>
      <c r="G33" s="24">
        <v>4</v>
      </c>
      <c r="H33" s="24">
        <v>12</v>
      </c>
      <c r="I33" s="24">
        <v>14</v>
      </c>
      <c r="J33" s="25">
        <v>5</v>
      </c>
      <c r="K33" s="24">
        <v>7</v>
      </c>
      <c r="L33" s="19">
        <v>15</v>
      </c>
    </row>
    <row r="34" spans="1:12" ht="21" customHeight="1" x14ac:dyDescent="0.2">
      <c r="A34" s="21"/>
      <c r="B34" s="22" t="s">
        <v>38</v>
      </c>
      <c r="C34" s="22"/>
      <c r="D34" s="21"/>
      <c r="E34" s="22" t="s">
        <v>71</v>
      </c>
      <c r="F34" s="22"/>
      <c r="G34" s="24">
        <v>4</v>
      </c>
      <c r="H34" s="24">
        <v>11</v>
      </c>
      <c r="I34" s="24">
        <v>29</v>
      </c>
      <c r="J34" s="25">
        <v>4</v>
      </c>
      <c r="K34" s="24">
        <v>11</v>
      </c>
      <c r="L34" s="19">
        <v>29</v>
      </c>
    </row>
    <row r="35" spans="1:12" ht="21" customHeight="1" x14ac:dyDescent="0.2">
      <c r="A35" s="21"/>
      <c r="B35" s="22" t="s">
        <v>39</v>
      </c>
      <c r="C35" s="22"/>
      <c r="D35" s="21"/>
      <c r="E35" s="22" t="s">
        <v>72</v>
      </c>
      <c r="F35" s="22"/>
      <c r="G35" s="24">
        <v>4</v>
      </c>
      <c r="H35" s="24">
        <v>11</v>
      </c>
      <c r="I35" s="24">
        <v>13</v>
      </c>
      <c r="J35" s="25">
        <v>5</v>
      </c>
      <c r="K35" s="24">
        <v>4</v>
      </c>
      <c r="L35" s="19">
        <v>29</v>
      </c>
    </row>
    <row r="36" spans="1:12" ht="21" customHeight="1" x14ac:dyDescent="0.2">
      <c r="A36" s="21"/>
      <c r="B36" s="22" t="s">
        <v>40</v>
      </c>
      <c r="C36" s="22"/>
      <c r="D36" s="21"/>
      <c r="E36" s="22" t="s">
        <v>73</v>
      </c>
      <c r="F36" s="22"/>
      <c r="G36" s="24">
        <v>4</v>
      </c>
      <c r="H36" s="24">
        <v>12</v>
      </c>
      <c r="I36" s="24">
        <v>21</v>
      </c>
      <c r="J36" s="25">
        <v>6</v>
      </c>
      <c r="K36" s="24">
        <v>9</v>
      </c>
      <c r="L36" s="19">
        <v>30</v>
      </c>
    </row>
    <row r="37" spans="1:12" ht="21" customHeight="1" x14ac:dyDescent="0.2">
      <c r="A37" s="21"/>
      <c r="B37" s="22" t="s">
        <v>41</v>
      </c>
      <c r="C37" s="22"/>
      <c r="D37" s="21"/>
      <c r="E37" s="22" t="s">
        <v>74</v>
      </c>
      <c r="F37" s="22"/>
      <c r="G37" s="24">
        <v>7</v>
      </c>
      <c r="H37" s="24">
        <v>9</v>
      </c>
      <c r="I37" s="24">
        <v>22</v>
      </c>
      <c r="J37" s="25">
        <v>5</v>
      </c>
      <c r="K37" s="24">
        <v>9</v>
      </c>
      <c r="L37" s="19">
        <v>30</v>
      </c>
    </row>
    <row r="38" spans="1:12" ht="21" customHeight="1" x14ac:dyDescent="0.2">
      <c r="A38" s="21"/>
      <c r="B38" s="22" t="s">
        <v>42</v>
      </c>
      <c r="C38" s="22"/>
      <c r="D38" s="21"/>
      <c r="E38" s="22" t="s">
        <v>75</v>
      </c>
      <c r="F38" s="22"/>
      <c r="G38" s="24">
        <v>4</v>
      </c>
      <c r="H38" s="24">
        <v>7</v>
      </c>
      <c r="I38" s="24">
        <v>21</v>
      </c>
      <c r="J38" s="25">
        <v>5</v>
      </c>
      <c r="K38" s="24">
        <v>4</v>
      </c>
      <c r="L38" s="19">
        <v>30</v>
      </c>
    </row>
    <row r="39" spans="1:12" ht="21" customHeight="1" x14ac:dyDescent="0.2">
      <c r="A39" s="21"/>
      <c r="B39" s="22" t="s">
        <v>43</v>
      </c>
      <c r="C39" s="22"/>
      <c r="D39" s="21"/>
      <c r="E39" s="22" t="s">
        <v>76</v>
      </c>
      <c r="F39" s="22"/>
      <c r="G39" s="24">
        <v>5</v>
      </c>
      <c r="H39" s="24">
        <v>4</v>
      </c>
      <c r="I39" s="24">
        <v>25</v>
      </c>
      <c r="J39" s="25">
        <v>5</v>
      </c>
      <c r="K39" s="24">
        <v>4</v>
      </c>
      <c r="L39" s="19">
        <v>30</v>
      </c>
    </row>
    <row r="40" spans="1:12" ht="21" customHeight="1" x14ac:dyDescent="0.2">
      <c r="A40" s="21"/>
      <c r="B40" s="22" t="s">
        <v>44</v>
      </c>
      <c r="C40" s="22"/>
      <c r="D40" s="21"/>
      <c r="E40" s="22" t="s">
        <v>84</v>
      </c>
      <c r="F40" s="22"/>
      <c r="G40" s="24">
        <v>6</v>
      </c>
      <c r="H40" s="24">
        <v>11</v>
      </c>
      <c r="I40" s="24">
        <v>14</v>
      </c>
      <c r="J40" s="25">
        <v>7</v>
      </c>
      <c r="K40" s="24">
        <v>9</v>
      </c>
      <c r="L40" s="19">
        <v>29</v>
      </c>
    </row>
    <row r="41" spans="1:12" ht="21" customHeight="1" x14ac:dyDescent="0.2">
      <c r="A41" s="21"/>
      <c r="B41" s="22" t="s">
        <v>45</v>
      </c>
      <c r="C41" s="22"/>
      <c r="D41" s="21"/>
      <c r="E41" s="22" t="s">
        <v>77</v>
      </c>
      <c r="F41" s="22"/>
      <c r="G41" s="24">
        <v>6</v>
      </c>
      <c r="H41" s="24">
        <v>9</v>
      </c>
      <c r="I41" s="24">
        <v>25</v>
      </c>
      <c r="J41" s="25">
        <v>7</v>
      </c>
      <c r="K41" s="24">
        <v>9</v>
      </c>
      <c r="L41" s="19">
        <v>29</v>
      </c>
    </row>
    <row r="42" spans="1:12" ht="21" customHeight="1" x14ac:dyDescent="0.2">
      <c r="A42" s="21"/>
      <c r="B42" s="22" t="s">
        <v>46</v>
      </c>
      <c r="C42" s="22"/>
      <c r="D42" s="21"/>
      <c r="E42" s="22" t="s">
        <v>78</v>
      </c>
      <c r="F42" s="22"/>
      <c r="G42" s="24">
        <v>5</v>
      </c>
      <c r="H42" s="24">
        <v>5</v>
      </c>
      <c r="I42" s="24">
        <v>5</v>
      </c>
      <c r="J42" s="25">
        <v>6</v>
      </c>
      <c r="K42" s="24">
        <v>3</v>
      </c>
      <c r="L42" s="19">
        <v>31</v>
      </c>
    </row>
    <row r="43" spans="1:12" ht="21" customHeight="1" x14ac:dyDescent="0.2">
      <c r="A43" s="21"/>
      <c r="B43" s="22" t="s">
        <v>47</v>
      </c>
      <c r="C43" s="22"/>
      <c r="D43" s="21"/>
      <c r="E43" s="22" t="s">
        <v>79</v>
      </c>
      <c r="F43" s="22"/>
      <c r="G43" s="24">
        <v>4</v>
      </c>
      <c r="H43" s="24">
        <v>6</v>
      </c>
      <c r="I43" s="24">
        <v>28</v>
      </c>
      <c r="J43" s="25">
        <v>5</v>
      </c>
      <c r="K43" s="24">
        <v>10</v>
      </c>
      <c r="L43" s="19">
        <v>14</v>
      </c>
    </row>
    <row r="44" spans="1:12" ht="21" customHeight="1" x14ac:dyDescent="0.2">
      <c r="A44" s="21"/>
      <c r="B44" s="22" t="s">
        <v>48</v>
      </c>
      <c r="C44" s="22"/>
      <c r="D44" s="21"/>
      <c r="E44" s="22" t="s">
        <v>80</v>
      </c>
      <c r="F44" s="22"/>
      <c r="G44" s="24">
        <v>5</v>
      </c>
      <c r="H44" s="24">
        <v>2</v>
      </c>
      <c r="I44" s="24">
        <v>16</v>
      </c>
      <c r="J44" s="25">
        <v>7</v>
      </c>
      <c r="K44" s="24">
        <v>4</v>
      </c>
      <c r="L44" s="19">
        <v>30</v>
      </c>
    </row>
    <row r="45" spans="1:12" ht="18" customHeight="1" x14ac:dyDescent="0.2">
      <c r="A45" s="26"/>
      <c r="B45" s="26"/>
      <c r="C45" s="26"/>
      <c r="D45" s="26"/>
      <c r="E45" s="26"/>
      <c r="F45" s="26"/>
      <c r="G45" s="26"/>
      <c r="H45" s="26"/>
      <c r="I45" s="26"/>
      <c r="J45" s="26"/>
      <c r="K45" s="26"/>
      <c r="L45" s="26"/>
    </row>
    <row r="46" spans="1:12" ht="18" customHeight="1" x14ac:dyDescent="0.2">
      <c r="A46" s="26"/>
      <c r="B46" s="26"/>
      <c r="C46" s="26"/>
      <c r="D46" s="26"/>
      <c r="E46" s="26"/>
      <c r="F46" s="26"/>
      <c r="G46" s="26"/>
      <c r="H46" s="26"/>
      <c r="I46" s="26"/>
      <c r="J46" s="26"/>
      <c r="K46" s="26"/>
      <c r="L46" s="26"/>
    </row>
    <row r="47" spans="1:12" ht="18" customHeight="1" x14ac:dyDescent="0.2">
      <c r="A47" s="26"/>
      <c r="B47" s="26"/>
      <c r="C47" s="26"/>
      <c r="D47" s="26"/>
      <c r="E47" s="26"/>
      <c r="F47" s="26"/>
      <c r="G47" s="26"/>
      <c r="H47" s="26"/>
      <c r="I47" s="26"/>
      <c r="J47" s="26"/>
      <c r="K47" s="26"/>
      <c r="L47" s="26"/>
    </row>
    <row r="48" spans="1:12" ht="18" customHeight="1" x14ac:dyDescent="0.2">
      <c r="A48" s="26"/>
      <c r="B48" s="26"/>
      <c r="C48" s="26"/>
      <c r="D48" s="26"/>
      <c r="E48" s="26"/>
      <c r="F48" s="26"/>
      <c r="G48" s="26"/>
      <c r="H48" s="26"/>
      <c r="I48" s="26"/>
      <c r="J48" s="26"/>
      <c r="K48" s="26"/>
      <c r="L48" s="26"/>
    </row>
    <row r="49" spans="1:12" ht="18" customHeight="1" x14ac:dyDescent="0.2">
      <c r="A49" s="26"/>
      <c r="B49" s="26"/>
      <c r="C49" s="26"/>
      <c r="D49" s="26"/>
      <c r="E49" s="26"/>
      <c r="F49" s="26"/>
      <c r="G49" s="26"/>
      <c r="H49" s="26"/>
      <c r="I49" s="26"/>
      <c r="J49" s="26"/>
      <c r="K49" s="26"/>
      <c r="L49" s="26"/>
    </row>
    <row r="50" spans="1:12" x14ac:dyDescent="0.2">
      <c r="A50" s="26"/>
      <c r="B50" s="26"/>
      <c r="C50" s="26"/>
      <c r="D50" s="26"/>
      <c r="E50" s="26"/>
      <c r="F50" s="26"/>
      <c r="G50" s="26"/>
      <c r="H50" s="26"/>
      <c r="I50" s="26"/>
      <c r="J50" s="26"/>
      <c r="K50" s="26"/>
      <c r="L50" s="26"/>
    </row>
    <row r="51" spans="1:12" x14ac:dyDescent="0.2">
      <c r="A51" s="26"/>
      <c r="B51" s="26"/>
      <c r="C51" s="26"/>
      <c r="D51" s="26"/>
      <c r="E51" s="26"/>
      <c r="F51" s="26"/>
      <c r="G51" s="26"/>
      <c r="H51" s="26"/>
      <c r="I51" s="26"/>
      <c r="J51" s="26"/>
      <c r="K51" s="26"/>
      <c r="L51" s="26"/>
    </row>
  </sheetData>
  <mergeCells count="3">
    <mergeCell ref="A2:L2"/>
    <mergeCell ref="G9:I9"/>
    <mergeCell ref="J9:L9"/>
  </mergeCells>
  <phoneticPr fontId="8"/>
  <printOptions horizontalCentered="1"/>
  <pageMargins left="0.19685039370078741" right="0.19685039370078741" top="0.39370078740157483" bottom="0.39370078740157483" header="0.51181102362204722" footer="0.51181102362204722"/>
  <pageSetup paperSize="9" scale="90" fitToWidth="0" fitToHeight="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7-2</vt:lpstr>
      <vt:lpstr>'7-2'!Print_Area</vt:lpstr>
      <vt:lpstr>'7-2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10-28T02:34:22Z</cp:lastPrinted>
  <dcterms:created xsi:type="dcterms:W3CDTF">2021-10-28T02:34:14Z</dcterms:created>
  <dcterms:modified xsi:type="dcterms:W3CDTF">2021-11-09T04:23:51Z</dcterms:modified>
</cp:coreProperties>
</file>